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rts/chart2.xml" ContentType="application/vnd.openxmlformats-officedocument.drawingml.chart+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7"/>
  </p:sldMasterIdLst>
  <p:notesMasterIdLst>
    <p:notesMasterId r:id="rId35"/>
  </p:notesMasterIdLst>
  <p:handoutMasterIdLst>
    <p:handoutMasterId r:id="rId36"/>
  </p:handoutMasterIdLst>
  <p:sldIdLst>
    <p:sldId id="2147376658" r:id="rId8"/>
    <p:sldId id="2147376663" r:id="rId9"/>
    <p:sldId id="2147376640" r:id="rId10"/>
    <p:sldId id="2147376650" r:id="rId11"/>
    <p:sldId id="2147376648" r:id="rId12"/>
    <p:sldId id="2147376641" r:id="rId13"/>
    <p:sldId id="2147376659" r:id="rId14"/>
    <p:sldId id="2147376643" r:id="rId15"/>
    <p:sldId id="2147376644" r:id="rId16"/>
    <p:sldId id="2147376660" r:id="rId17"/>
    <p:sldId id="2147376655" r:id="rId18"/>
    <p:sldId id="2147376675" r:id="rId19"/>
    <p:sldId id="2147376674" r:id="rId20"/>
    <p:sldId id="2147376673" r:id="rId21"/>
    <p:sldId id="2147376668" r:id="rId22"/>
    <p:sldId id="2147376670" r:id="rId23"/>
    <p:sldId id="2147376656" r:id="rId24"/>
    <p:sldId id="2147376653" r:id="rId25"/>
    <p:sldId id="2147376654" r:id="rId26"/>
    <p:sldId id="2147376669" r:id="rId27"/>
    <p:sldId id="2147376671" r:id="rId28"/>
    <p:sldId id="2147376676" r:id="rId29"/>
    <p:sldId id="2147376661" r:id="rId30"/>
    <p:sldId id="2147376662" r:id="rId31"/>
    <p:sldId id="2147376651" r:id="rId32"/>
    <p:sldId id="2147376666" r:id="rId33"/>
    <p:sldId id="2147376657" r:id="rId34"/>
  </p:sldIdLst>
  <p:sldSz cx="12192000" cy="6858000"/>
  <p:notesSz cx="7010400" cy="92964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E69CF255-A278-48FE-8BB1-D516DFBC371C}">
          <p14:sldIdLst>
            <p14:sldId id="2147376658"/>
          </p14:sldIdLst>
        </p14:section>
        <p14:section name="SDOH Background" id="{E3323D7F-FE4A-4B3E-8C7C-A1C04210B58D}">
          <p14:sldIdLst>
            <p14:sldId id="2147376663"/>
            <p14:sldId id="2147376640"/>
            <p14:sldId id="2147376650"/>
            <p14:sldId id="2147376648"/>
            <p14:sldId id="2147376641"/>
          </p14:sldIdLst>
        </p14:section>
        <p14:section name="Impact of SDOH" id="{38A8FC14-78A0-4515-8874-12AD842D1B5A}">
          <p14:sldIdLst>
            <p14:sldId id="2147376659"/>
            <p14:sldId id="2147376643"/>
            <p14:sldId id="2147376644"/>
          </p14:sldIdLst>
        </p14:section>
        <p14:section name="Use of SDOH Data" id="{004F9239-2C9F-4E55-872F-CC364ED92743}">
          <p14:sldIdLst>
            <p14:sldId id="2147376660"/>
            <p14:sldId id="2147376655"/>
            <p14:sldId id="2147376675"/>
            <p14:sldId id="2147376674"/>
            <p14:sldId id="2147376673"/>
            <p14:sldId id="2147376668"/>
            <p14:sldId id="2147376670"/>
            <p14:sldId id="2147376656"/>
            <p14:sldId id="2147376653"/>
            <p14:sldId id="2147376654"/>
            <p14:sldId id="2147376669"/>
            <p14:sldId id="2147376671"/>
            <p14:sldId id="2147376676"/>
          </p14:sldIdLst>
        </p14:section>
        <p14:section name="Solutions to SDOH" id="{62F4F924-A17D-485D-B781-E0D4B10D34E3}">
          <p14:sldIdLst>
            <p14:sldId id="2147376661"/>
            <p14:sldId id="2147376662"/>
            <p14:sldId id="2147376651"/>
            <p14:sldId id="2147376666"/>
            <p14:sldId id="2147376657"/>
          </p14:sldIdLst>
        </p14:section>
      </p14:sectionLst>
    </p:ext>
    <p:ext uri="{EFAFB233-063F-42B5-8137-9DF3F51BA10A}">
      <p15:sldGuideLst xmlns:p15="http://schemas.microsoft.com/office/powerpoint/2012/main">
        <p15:guide id="1" orient="horz" pos="2664" userDrawn="1">
          <p15:clr>
            <a:srgbClr val="A4A3A4"/>
          </p15:clr>
        </p15:guide>
        <p15:guide id="2" pos="384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AB07241-AEAB-62C4-DE27-51635DC7D804}" name="Felicia Acton" initials="FA" userId="S::Felicia@notionpartners.com::a9b591b8-6fe4-4d3a-9e73-d3e5fdb9f9c9" providerId="AD"/>
  <p188:author id="{8832FBC3-DFBC-D6DA-E091-8CBB78EF07EE}" name="Smith, Karen L      HHHH" initials="SH" userId="S::karen.smith2@cigna.com::397fa1a7-b64b-45c9-8533-31f05e3cd52c" providerId="AD"/>
  <p188:author id="{5CEB46E1-4A8E-F56E-6C74-FA06F2215605}" name="Schutt, Jerad      HHHH" initials="SJH" userId="S::Jerad.Schutt@evernorth.com::d493914a-acb8-4884-b173-f6c936acb41f"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 id="3" name="DeSantis, Jennifer      HHHH" initials="DJH" lastIdx="2" clrIdx="2">
    <p:extLst>
      <p:ext uri="{19B8F6BF-5375-455C-9EA6-DF929625EA0E}">
        <p15:presenceInfo xmlns:p15="http://schemas.microsoft.com/office/powerpoint/2012/main" userId="S-1-5-21-1986681125-148928291-654838779-1726996"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CEBE7"/>
    <a:srgbClr val="008F83"/>
    <a:srgbClr val="000000"/>
    <a:srgbClr val="FE5556"/>
    <a:srgbClr val="3EFFC0"/>
    <a:srgbClr val="002F32"/>
    <a:srgbClr val="5C1F2E"/>
    <a:srgbClr val="001980"/>
    <a:srgbClr val="1086E3"/>
    <a:srgbClr val="433A0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74C1A8A3-306A-4EB7-A6B1-4F7E0EB9C5D6}" styleName="Medium Style 3 - Accent 5">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5"/>
          </a:solidFill>
        </a:fill>
      </a:tcStyle>
    </a:lastCol>
    <a:firstCol>
      <a:tcTxStyle b="on">
        <a:fontRef idx="minor">
          <a:scrgbClr r="0" g="0" b="0"/>
        </a:fontRef>
        <a:schemeClr val="lt1"/>
      </a:tcTxStyle>
      <a:tcStyle>
        <a:tcBdr/>
        <a:fill>
          <a:solidFill>
            <a:schemeClr val="accent5"/>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5"/>
          </a:solidFill>
        </a:fill>
      </a:tcStyle>
    </a:firstRow>
  </a:tblStyle>
  <a:tblStyle styleId="{EB9631B5-78F2-41C9-869B-9F39066F8104}" styleName="Medium Style 3 - Accent 4">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4"/>
          </a:solidFill>
        </a:fill>
      </a:tcStyle>
    </a:lastCol>
    <a:firstCol>
      <a:tcTxStyle b="on">
        <a:fontRef idx="minor">
          <a:scrgbClr r="0" g="0" b="0"/>
        </a:fontRef>
        <a:schemeClr val="lt1"/>
      </a:tcTxStyle>
      <a:tcStyle>
        <a:tcBdr/>
        <a:fill>
          <a:solidFill>
            <a:schemeClr val="accent4"/>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4"/>
          </a:solidFill>
        </a:fill>
      </a:tcStyle>
    </a:firstRow>
  </a:tblStyle>
  <a:tblStyle styleId="{85BE263C-DBD7-4A20-BB59-AAB30ACAA65A}" styleName="Medium Style 3 - Accent 2">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2"/>
          </a:solidFill>
        </a:fill>
      </a:tcStyle>
    </a:lastCol>
    <a:firstCol>
      <a:tcTxStyle b="on">
        <a:fontRef idx="minor">
          <a:scrgbClr r="0" g="0" b="0"/>
        </a:fontRef>
        <a:schemeClr val="lt1"/>
      </a:tcTxStyle>
      <a:tcStyle>
        <a:tcBdr/>
        <a:fill>
          <a:solidFill>
            <a:schemeClr val="accent2"/>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2"/>
          </a:solidFill>
        </a:fill>
      </a:tcStyle>
    </a:firstRow>
  </a:tblStyle>
  <a:tblStyle styleId="{22838BEF-8BB2-4498-84A7-C5851F593DF1}" styleName="Medium Style 4 - Accent 5">
    <a:wholeTbl>
      <a:tcTxStyle>
        <a:fontRef idx="minor">
          <a:scrgbClr r="0" g="0" b="0"/>
        </a:fontRef>
        <a:schemeClr val="dk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w="12700" cmpd="sng">
              <a:solidFill>
                <a:schemeClr val="accent5"/>
              </a:solidFill>
            </a:ln>
          </a:insideV>
        </a:tcBdr>
        <a:fill>
          <a:solidFill>
            <a:schemeClr val="accent5">
              <a:tint val="20000"/>
            </a:schemeClr>
          </a:solidFill>
        </a:fill>
      </a:tcStyle>
    </a:wholeTbl>
    <a:band1H>
      <a:tcStyle>
        <a:tcBdr/>
        <a:fill>
          <a:solidFill>
            <a:schemeClr val="accent5">
              <a:tint val="40000"/>
            </a:schemeClr>
          </a:solidFill>
        </a:fill>
      </a:tcStyle>
    </a:band1H>
    <a:band1V>
      <a:tcStyle>
        <a:tcBdr/>
        <a:fill>
          <a:solidFill>
            <a:schemeClr val="accent5">
              <a:tint val="40000"/>
            </a:schemeClr>
          </a:solidFill>
        </a:fill>
      </a:tcStyle>
    </a:band1V>
    <a:lastCol>
      <a:tcTxStyle b="on"/>
      <a:tcStyle>
        <a:tcBdr/>
      </a:tcStyle>
    </a:lastCol>
    <a:firstCol>
      <a:tcTxStyle b="on"/>
      <a:tcStyle>
        <a:tcBdr/>
      </a:tcStyle>
    </a:firstCol>
    <a:lastRow>
      <a:tcTxStyle b="on"/>
      <a:tcStyle>
        <a:tcBdr>
          <a:top>
            <a:ln w="25400" cmpd="sng">
              <a:solidFill>
                <a:schemeClr val="accent5"/>
              </a:solidFill>
            </a:ln>
          </a:top>
        </a:tcBdr>
        <a:fill>
          <a:solidFill>
            <a:schemeClr val="accent5">
              <a:tint val="20000"/>
            </a:schemeClr>
          </a:solidFill>
        </a:fill>
      </a:tcStyle>
    </a:lastRow>
    <a:firstRow>
      <a:tcTxStyle b="on"/>
      <a:tcStyle>
        <a:tcBdr/>
        <a:fill>
          <a:solidFill>
            <a:schemeClr val="accent5">
              <a:tint val="20000"/>
            </a:schemeClr>
          </a:solidFill>
        </a:fill>
      </a:tcStyle>
    </a:firstRow>
  </a:tblStyle>
  <a:tblStyle styleId="{16D9F66E-5EB9-4882-86FB-DCBF35E3C3E4}" styleName="Medium Style 4 - Acc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w="12700" cmpd="sng">
              <a:solidFill>
                <a:schemeClr val="accent6"/>
              </a:solidFill>
            </a:ln>
          </a:insideV>
        </a:tcBdr>
        <a:fill>
          <a:solidFill>
            <a:schemeClr val="accent6">
              <a:tint val="20000"/>
            </a:schemeClr>
          </a:solidFill>
        </a:fill>
      </a:tcStyle>
    </a:wholeTbl>
    <a:band1H>
      <a:tcStyle>
        <a:tcBdr/>
        <a:fill>
          <a:solidFill>
            <a:schemeClr val="accent6">
              <a:tint val="40000"/>
            </a:schemeClr>
          </a:solidFill>
        </a:fill>
      </a:tcStyle>
    </a:band1H>
    <a:band1V>
      <a:tcStyle>
        <a:tcBdr/>
        <a:fill>
          <a:solidFill>
            <a:schemeClr val="accent6">
              <a:tint val="40000"/>
            </a:schemeClr>
          </a:solidFill>
        </a:fill>
      </a:tcStyle>
    </a:band1V>
    <a:lastCol>
      <a:tcTxStyle b="on"/>
      <a:tcStyle>
        <a:tcBdr/>
      </a:tcStyle>
    </a:lastCol>
    <a:firstCol>
      <a:tcTxStyle b="on"/>
      <a:tcStyle>
        <a:tcBdr/>
      </a:tcStyle>
    </a:firstCol>
    <a:lastRow>
      <a:tcTxStyle b="on"/>
      <a:tcStyle>
        <a:tcBdr>
          <a:top>
            <a:ln w="25400" cmpd="sng">
              <a:solidFill>
                <a:schemeClr val="accent6"/>
              </a:solidFill>
            </a:ln>
          </a:top>
        </a:tcBdr>
        <a:fill>
          <a:solidFill>
            <a:schemeClr val="accent6">
              <a:tint val="20000"/>
            </a:schemeClr>
          </a:solidFill>
        </a:fill>
      </a:tcStyle>
    </a:lastRow>
    <a:firstRow>
      <a:tcTxStyle b="on"/>
      <a:tcStyle>
        <a:tcBdr/>
        <a:fill>
          <a:solidFill>
            <a:schemeClr val="accent6">
              <a:tint val="20000"/>
            </a:schemeClr>
          </a:solidFill>
        </a:fill>
      </a:tcStyle>
    </a:firstRow>
  </a:tblStyle>
  <a:tblStyle styleId="{C4B1156A-380E-4F78-BDF5-A606A8083BF9}" styleName="Medium Style 4 - Accent 4">
    <a:wholeTbl>
      <a:tcTxStyle>
        <a:fontRef idx="minor">
          <a:scrgbClr r="0" g="0" b="0"/>
        </a:fontRef>
        <a:schemeClr val="dk1"/>
      </a:tcTxStyle>
      <a:tcStyle>
        <a:tcBdr>
          <a:left>
            <a:ln w="12700" cmpd="sng">
              <a:solidFill>
                <a:schemeClr val="accent4"/>
              </a:solidFill>
            </a:ln>
          </a:left>
          <a:right>
            <a:ln w="12700" cmpd="sng">
              <a:solidFill>
                <a:schemeClr val="accent4"/>
              </a:solidFill>
            </a:ln>
          </a:right>
          <a:top>
            <a:ln w="12700" cmpd="sng">
              <a:solidFill>
                <a:schemeClr val="accent4"/>
              </a:solidFill>
            </a:ln>
          </a:top>
          <a:bottom>
            <a:ln w="12700" cmpd="sng">
              <a:solidFill>
                <a:schemeClr val="accent4"/>
              </a:solidFill>
            </a:ln>
          </a:bottom>
          <a:insideH>
            <a:ln w="12700" cmpd="sng">
              <a:solidFill>
                <a:schemeClr val="accent4"/>
              </a:solidFill>
            </a:ln>
          </a:insideH>
          <a:insideV>
            <a:ln w="12700" cmpd="sng">
              <a:solidFill>
                <a:schemeClr val="accent4"/>
              </a:solidFill>
            </a:ln>
          </a:insideV>
        </a:tcBdr>
        <a:fill>
          <a:solidFill>
            <a:schemeClr val="accent4">
              <a:tint val="20000"/>
            </a:schemeClr>
          </a:solidFill>
        </a:fill>
      </a:tcStyle>
    </a:wholeTbl>
    <a:band1H>
      <a:tcStyle>
        <a:tcBdr/>
        <a:fill>
          <a:solidFill>
            <a:schemeClr val="accent4">
              <a:tint val="40000"/>
            </a:schemeClr>
          </a:solidFill>
        </a:fill>
      </a:tcStyle>
    </a:band1H>
    <a:band1V>
      <a:tcStyle>
        <a:tcBdr/>
        <a:fill>
          <a:solidFill>
            <a:schemeClr val="accent4">
              <a:tint val="40000"/>
            </a:schemeClr>
          </a:solidFill>
        </a:fill>
      </a:tcStyle>
    </a:band1V>
    <a:lastCol>
      <a:tcTxStyle b="on"/>
      <a:tcStyle>
        <a:tcBdr/>
      </a:tcStyle>
    </a:lastCol>
    <a:firstCol>
      <a:tcTxStyle b="on"/>
      <a:tcStyle>
        <a:tcBdr/>
      </a:tcStyle>
    </a:firstCol>
    <a:lastRow>
      <a:tcTxStyle b="on"/>
      <a:tcStyle>
        <a:tcBdr>
          <a:top>
            <a:ln w="25400" cmpd="sng">
              <a:solidFill>
                <a:schemeClr val="accent4"/>
              </a:solidFill>
            </a:ln>
          </a:top>
        </a:tcBdr>
        <a:fill>
          <a:solidFill>
            <a:schemeClr val="accent4">
              <a:tint val="20000"/>
            </a:schemeClr>
          </a:solidFill>
        </a:fill>
      </a:tcStyle>
    </a:lastRow>
    <a:firstRow>
      <a:tcTxStyle b="on"/>
      <a:tcStyle>
        <a:tcBdr/>
        <a:fill>
          <a:solidFill>
            <a:schemeClr val="accent4">
              <a:tint val="20000"/>
            </a:schemeClr>
          </a:solidFill>
        </a:fill>
      </a:tcStyle>
    </a:firstRow>
  </a:tblStyle>
  <a:tblStyle styleId="{125E5076-3810-47DD-B79F-674D7AD40C01}" styleName="Dark Style 1 - Accent 1">
    <a:wholeTbl>
      <a:tcTxStyle>
        <a:fontRef idx="minor">
          <a:scrgbClr r="0" g="0" b="0"/>
        </a:fontRef>
        <a:schemeClr val="lt1"/>
      </a:tcTxStyle>
      <a:tcStyle>
        <a:tcBdr>
          <a:left>
            <a:ln>
              <a:noFill/>
            </a:ln>
          </a:left>
          <a:right>
            <a:ln>
              <a:noFill/>
            </a:ln>
          </a:right>
          <a:top>
            <a:ln>
              <a:noFill/>
            </a:ln>
          </a:top>
          <a:bottom>
            <a:ln>
              <a:noFill/>
            </a:ln>
          </a:bottom>
          <a:insideH>
            <a:ln>
              <a:noFill/>
            </a:ln>
          </a:insideH>
          <a:insideV>
            <a:ln>
              <a:noFill/>
            </a:ln>
          </a:insideV>
        </a:tcBdr>
        <a:fill>
          <a:solidFill>
            <a:schemeClr val="accent1"/>
          </a:solidFill>
        </a:fill>
      </a:tcStyle>
    </a:wholeTbl>
    <a:band1H>
      <a:tcStyle>
        <a:tcBdr/>
        <a:fill>
          <a:solidFill>
            <a:schemeClr val="accent1">
              <a:shade val="60000"/>
            </a:schemeClr>
          </a:solidFill>
        </a:fill>
      </a:tcStyle>
    </a:band1H>
    <a:band1V>
      <a:tcStyle>
        <a:tcBdr/>
        <a:fill>
          <a:solidFill>
            <a:schemeClr val="accent1">
              <a:shade val="60000"/>
            </a:schemeClr>
          </a:solidFill>
        </a:fill>
      </a:tcStyle>
    </a:band1V>
    <a:lastCol>
      <a:tcTxStyle b="on"/>
      <a:tcStyle>
        <a:tcBdr>
          <a:left>
            <a:ln w="25400" cmpd="sng">
              <a:solidFill>
                <a:schemeClr val="lt1"/>
              </a:solidFill>
            </a:ln>
          </a:left>
        </a:tcBdr>
        <a:fill>
          <a:solidFill>
            <a:schemeClr val="accent1">
              <a:shade val="60000"/>
            </a:schemeClr>
          </a:solidFill>
        </a:fill>
      </a:tcStyle>
    </a:lastCol>
    <a:firstCol>
      <a:tcTxStyle b="on"/>
      <a:tcStyle>
        <a:tcBdr>
          <a:right>
            <a:ln w="25400" cmpd="sng">
              <a:solidFill>
                <a:schemeClr val="lt1"/>
              </a:solidFill>
            </a:ln>
          </a:right>
        </a:tcBdr>
        <a:fill>
          <a:solidFill>
            <a:schemeClr val="accent1">
              <a:shade val="60000"/>
            </a:schemeClr>
          </a:solidFill>
        </a:fill>
      </a:tcStyle>
    </a:firstCol>
    <a:lastRow>
      <a:tcTxStyle b="on"/>
      <a:tcStyle>
        <a:tcBdr>
          <a:top>
            <a:ln w="25400" cmpd="sng">
              <a:solidFill>
                <a:schemeClr val="lt1"/>
              </a:solidFill>
            </a:ln>
          </a:top>
        </a:tcBdr>
        <a:fill>
          <a:solidFill>
            <a:schemeClr val="accent1">
              <a:shade val="40000"/>
            </a:schemeClr>
          </a:solidFill>
        </a:fill>
      </a:tcStyle>
    </a:lastRow>
    <a:seCell>
      <a:tcStyle>
        <a:tcBdr>
          <a:left>
            <a:ln>
              <a:noFill/>
            </a:ln>
          </a:left>
        </a:tcBdr>
      </a:tcStyle>
    </a:seCell>
    <a:swCell>
      <a:tcStyle>
        <a:tcBdr>
          <a:right>
            <a:ln>
              <a:noFill/>
            </a:ln>
          </a:right>
        </a:tcBdr>
      </a:tcStyle>
    </a:swCell>
    <a:firstRow>
      <a:tcTxStyle b="on"/>
      <a:tcStyle>
        <a:tcBdr>
          <a:bottom>
            <a:ln w="25400" cmpd="sng">
              <a:solidFill>
                <a:schemeClr val="lt1"/>
              </a:solidFill>
            </a:ln>
          </a:bottom>
        </a:tcBdr>
        <a:fill>
          <a:solidFill>
            <a:schemeClr val="dk1"/>
          </a:solidFill>
        </a:fill>
      </a:tcStyle>
    </a:firstRow>
    <a:neCell>
      <a:tcStyle>
        <a:tcBdr>
          <a:left>
            <a:ln>
              <a:noFill/>
            </a:ln>
          </a:left>
        </a:tcBdr>
      </a:tcStyle>
    </a:neCell>
    <a:nwCell>
      <a:tcStyle>
        <a:tcBdr>
          <a:right>
            <a:ln>
              <a:noFill/>
            </a:ln>
          </a:right>
        </a:tcBdr>
      </a:tcStyle>
    </a:nwCell>
  </a:tblStyle>
  <a:tblStyle styleId="{D03447BB-5D67-496B-8E87-E561075AD55C}" styleName="Dark Style 1 - Accent 3">
    <a:wholeTbl>
      <a:tcTxStyle>
        <a:fontRef idx="minor">
          <a:scrgbClr r="0" g="0" b="0"/>
        </a:fontRef>
        <a:schemeClr val="lt1"/>
      </a:tcTxStyle>
      <a:tcStyle>
        <a:tcBdr>
          <a:left>
            <a:ln>
              <a:noFill/>
            </a:ln>
          </a:left>
          <a:right>
            <a:ln>
              <a:noFill/>
            </a:ln>
          </a:right>
          <a:top>
            <a:ln>
              <a:noFill/>
            </a:ln>
          </a:top>
          <a:bottom>
            <a:ln>
              <a:noFill/>
            </a:ln>
          </a:bottom>
          <a:insideH>
            <a:ln>
              <a:noFill/>
            </a:ln>
          </a:insideH>
          <a:insideV>
            <a:ln>
              <a:noFill/>
            </a:ln>
          </a:insideV>
        </a:tcBdr>
        <a:fill>
          <a:solidFill>
            <a:schemeClr val="accent3"/>
          </a:solidFill>
        </a:fill>
      </a:tcStyle>
    </a:wholeTbl>
    <a:band1H>
      <a:tcStyle>
        <a:tcBdr/>
        <a:fill>
          <a:solidFill>
            <a:schemeClr val="accent3">
              <a:shade val="60000"/>
            </a:schemeClr>
          </a:solidFill>
        </a:fill>
      </a:tcStyle>
    </a:band1H>
    <a:band1V>
      <a:tcStyle>
        <a:tcBdr/>
        <a:fill>
          <a:solidFill>
            <a:schemeClr val="accent3">
              <a:shade val="60000"/>
            </a:schemeClr>
          </a:solidFill>
        </a:fill>
      </a:tcStyle>
    </a:band1V>
    <a:lastCol>
      <a:tcTxStyle b="on"/>
      <a:tcStyle>
        <a:tcBdr>
          <a:left>
            <a:ln w="25400" cmpd="sng">
              <a:solidFill>
                <a:schemeClr val="lt1"/>
              </a:solidFill>
            </a:ln>
          </a:left>
        </a:tcBdr>
        <a:fill>
          <a:solidFill>
            <a:schemeClr val="accent3">
              <a:shade val="60000"/>
            </a:schemeClr>
          </a:solidFill>
        </a:fill>
      </a:tcStyle>
    </a:lastCol>
    <a:firstCol>
      <a:tcTxStyle b="on"/>
      <a:tcStyle>
        <a:tcBdr>
          <a:right>
            <a:ln w="25400" cmpd="sng">
              <a:solidFill>
                <a:schemeClr val="lt1"/>
              </a:solidFill>
            </a:ln>
          </a:right>
        </a:tcBdr>
        <a:fill>
          <a:solidFill>
            <a:schemeClr val="accent3">
              <a:shade val="60000"/>
            </a:schemeClr>
          </a:solidFill>
        </a:fill>
      </a:tcStyle>
    </a:firstCol>
    <a:lastRow>
      <a:tcTxStyle b="on"/>
      <a:tcStyle>
        <a:tcBdr>
          <a:top>
            <a:ln w="25400" cmpd="sng">
              <a:solidFill>
                <a:schemeClr val="lt1"/>
              </a:solidFill>
            </a:ln>
          </a:top>
        </a:tcBdr>
        <a:fill>
          <a:solidFill>
            <a:schemeClr val="accent3">
              <a:shade val="40000"/>
            </a:schemeClr>
          </a:solidFill>
        </a:fill>
      </a:tcStyle>
    </a:lastRow>
    <a:seCell>
      <a:tcStyle>
        <a:tcBdr>
          <a:left>
            <a:ln>
              <a:noFill/>
            </a:ln>
          </a:left>
        </a:tcBdr>
      </a:tcStyle>
    </a:seCell>
    <a:swCell>
      <a:tcStyle>
        <a:tcBdr>
          <a:right>
            <a:ln>
              <a:noFill/>
            </a:ln>
          </a:right>
        </a:tcBdr>
      </a:tcStyle>
    </a:swCell>
    <a:firstRow>
      <a:tcTxStyle b="on"/>
      <a:tcStyle>
        <a:tcBdr>
          <a:bottom>
            <a:ln w="25400" cmpd="sng">
              <a:solidFill>
                <a:schemeClr val="lt1"/>
              </a:solidFill>
            </a:ln>
          </a:bottom>
        </a:tcBdr>
        <a:fill>
          <a:solidFill>
            <a:schemeClr val="dk1"/>
          </a:solidFill>
        </a:fill>
      </a:tcStyle>
    </a:firstRow>
    <a:neCell>
      <a:tcStyle>
        <a:tcBdr>
          <a:left>
            <a:ln>
              <a:noFill/>
            </a:ln>
          </a:left>
        </a:tcBdr>
      </a:tcStyle>
    </a:neCell>
    <a:nwCell>
      <a:tcStyle>
        <a:tcBdr>
          <a:right>
            <a:ln>
              <a:noFill/>
            </a:ln>
          </a:right>
        </a:tcBdr>
      </a:tcStyle>
    </a:nwCell>
  </a:tblStyle>
  <a:tblStyle styleId="{91EBBBCC-DAD2-459C-BE2E-F6DE35CF9A28}" styleName="Dark Style 2 - Accent 3/Accent 4">
    <a:wholeTbl>
      <a:tcTxStyle>
        <a:fontRef idx="minor">
          <a:scrgbClr r="0" g="0" b="0"/>
        </a:fontRef>
        <a:schemeClr val="dk1"/>
      </a:tcTxStyle>
      <a:tcStyle>
        <a:tcBdr>
          <a:left>
            <a:ln>
              <a:noFill/>
            </a:ln>
          </a:left>
          <a:right>
            <a:ln>
              <a:noFill/>
            </a:ln>
          </a:right>
          <a:top>
            <a:ln>
              <a:noFill/>
            </a:ln>
          </a:top>
          <a:bottom>
            <a:ln>
              <a:noFill/>
            </a:ln>
          </a:bottom>
          <a:insideH>
            <a:ln>
              <a:noFill/>
            </a:ln>
          </a:insideH>
          <a:insideV>
            <a:ln>
              <a:noFill/>
            </a:ln>
          </a:insideV>
        </a:tcBdr>
        <a:fill>
          <a:solidFill>
            <a:schemeClr val="accent3">
              <a:tint val="20000"/>
            </a:schemeClr>
          </a:solidFill>
        </a:fill>
      </a:tcStyle>
    </a:wholeTbl>
    <a:band1H>
      <a:tcStyle>
        <a:tcBdr/>
        <a:fill>
          <a:solidFill>
            <a:schemeClr val="accent3">
              <a:tint val="40000"/>
            </a:schemeClr>
          </a:solidFill>
        </a:fill>
      </a:tcStyle>
    </a:band1H>
    <a:band1V>
      <a:tcStyle>
        <a:tcBdr/>
        <a:fill>
          <a:solidFill>
            <a:schemeClr val="accent3">
              <a:tint val="4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accent3">
              <a:tint val="20000"/>
            </a:schemeClr>
          </a:solidFill>
        </a:fill>
      </a:tcStyle>
    </a:lastRow>
    <a:firstRow>
      <a:tcTxStyle b="on">
        <a:fontRef idx="minor">
          <a:scrgbClr r="0" g="0" b="0"/>
        </a:fontRef>
        <a:schemeClr val="lt1"/>
      </a:tcTxStyle>
      <a:tcStyle>
        <a:tcBdr/>
        <a:fill>
          <a:solidFill>
            <a:schemeClr val="accent4"/>
          </a:solidFill>
        </a:fill>
      </a:tcStyle>
    </a:firstRow>
  </a:tblStyle>
  <a:tblStyle styleId="{46F890A9-2807-4EBB-B81D-B2AA78EC7F39}" styleName="Dark Style 2 - Accent 5/Accent 6">
    <a:wholeTbl>
      <a:tcTxStyle>
        <a:fontRef idx="minor">
          <a:scrgbClr r="0" g="0" b="0"/>
        </a:fontRef>
        <a:schemeClr val="dk1"/>
      </a:tcTxStyle>
      <a:tcStyle>
        <a:tcBdr>
          <a:left>
            <a:ln>
              <a:noFill/>
            </a:ln>
          </a:left>
          <a:right>
            <a:ln>
              <a:noFill/>
            </a:ln>
          </a:right>
          <a:top>
            <a:ln>
              <a:noFill/>
            </a:ln>
          </a:top>
          <a:bottom>
            <a:ln>
              <a:noFill/>
            </a:ln>
          </a:bottom>
          <a:insideH>
            <a:ln>
              <a:noFill/>
            </a:ln>
          </a:insideH>
          <a:insideV>
            <a:ln>
              <a:noFill/>
            </a:ln>
          </a:insideV>
        </a:tcBdr>
        <a:fill>
          <a:solidFill>
            <a:schemeClr val="accent5">
              <a:tint val="20000"/>
            </a:schemeClr>
          </a:solidFill>
        </a:fill>
      </a:tcStyle>
    </a:wholeTbl>
    <a:band1H>
      <a:tcStyle>
        <a:tcBdr/>
        <a:fill>
          <a:solidFill>
            <a:schemeClr val="accent5">
              <a:tint val="40000"/>
            </a:schemeClr>
          </a:solidFill>
        </a:fill>
      </a:tcStyle>
    </a:band1H>
    <a:band1V>
      <a:tcStyle>
        <a:tcBdr/>
        <a:fill>
          <a:solidFill>
            <a:schemeClr val="accent5">
              <a:tint val="4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accent5">
              <a:tint val="20000"/>
            </a:schemeClr>
          </a:solidFill>
        </a:fill>
      </a:tcStyle>
    </a:lastRow>
    <a:firstRow>
      <a:tcTxStyle b="on">
        <a:fontRef idx="minor">
          <a:scrgbClr r="0" g="0" b="0"/>
        </a:fontRef>
        <a:schemeClr val="lt1"/>
      </a:tcTxStyle>
      <a:tcStyle>
        <a:tcBdr/>
        <a:fill>
          <a:solidFill>
            <a:schemeClr val="accent6"/>
          </a:solidFill>
        </a:fill>
      </a:tcStyle>
    </a:firstRow>
  </a:tblStyle>
  <a:tblStyle styleId="{69CF1AB2-1976-4502-BF36-3FF5EA218861}" styleName="Medium Style 4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tcStyle>
        <a:tcBdr/>
      </a:tcStyle>
    </a:lastCol>
    <a:firstCol>
      <a:tcTxStyle b="on"/>
      <a:tcStyle>
        <a:tcBdr/>
      </a:tcStyle>
    </a:firstCol>
    <a:lastRow>
      <a:tcTxStyle b="on"/>
      <a:tcStyle>
        <a:tcBdr>
          <a:top>
            <a:ln w="25400" cmpd="sng">
              <a:solidFill>
                <a:schemeClr val="accent1"/>
              </a:solidFill>
            </a:ln>
          </a:top>
        </a:tcBdr>
        <a:fill>
          <a:solidFill>
            <a:schemeClr val="accent1">
              <a:tint val="20000"/>
            </a:schemeClr>
          </a:solidFill>
        </a:fill>
      </a:tcStyle>
    </a:lastRow>
    <a:firstRow>
      <a:tcTxStyle b="on"/>
      <a:tcStyle>
        <a:tcBdr/>
        <a:fill>
          <a:solidFill>
            <a:schemeClr val="accent1">
              <a:tint val="20000"/>
            </a:schemeClr>
          </a:solidFill>
        </a:fill>
      </a:tcStyle>
    </a:firstRow>
  </a:tblStyle>
  <a:tblStyle styleId="{6E25E649-3F16-4E02-A733-19D2CDBF48F0}" styleName="Medium Style 3 - Accent 1">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1"/>
          </a:solidFill>
        </a:fill>
      </a:tcStyle>
    </a:lastCol>
    <a:firstCol>
      <a:tcTxStyle b="on">
        <a:fontRef idx="minor">
          <a:scrgbClr r="0" g="0" b="0"/>
        </a:fontRef>
        <a:schemeClr val="lt1"/>
      </a:tcTxStyle>
      <a:tcStyle>
        <a:tcBdr/>
        <a:fill>
          <a:solidFill>
            <a:schemeClr val="accent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5A111915-BE36-4E01-A7E5-04B1672EAD32}" styleName="Light Style 2 - Accent 5">
    <a:wholeTbl>
      <a:tcTxStyle>
        <a:fontRef idx="minor">
          <a:scrgbClr r="0" g="0" b="0"/>
        </a:fontRef>
        <a:schemeClr val="tx1"/>
      </a:tcTxStyle>
      <a:tcStyle>
        <a:tcBdr>
          <a:left>
            <a:lnRef idx="1">
              <a:schemeClr val="accent5"/>
            </a:lnRef>
          </a:left>
          <a:right>
            <a:lnRef idx="1">
              <a:schemeClr val="accent5"/>
            </a:lnRef>
          </a:right>
          <a:top>
            <a:lnRef idx="1">
              <a:schemeClr val="accent5"/>
            </a:lnRef>
          </a:top>
          <a:bottom>
            <a:lnRef idx="1">
              <a:schemeClr val="accent5"/>
            </a:lnRef>
          </a:bottom>
          <a:insideH>
            <a:ln>
              <a:noFill/>
            </a:ln>
          </a:insideH>
          <a:insideV>
            <a:ln>
              <a:noFill/>
            </a:ln>
          </a:insideV>
        </a:tcBdr>
        <a:fill>
          <a:noFill/>
        </a:fill>
      </a:tcStyle>
    </a:wholeTbl>
    <a:band1H>
      <a:tcStyle>
        <a:tcBdr>
          <a:top>
            <a:lnRef idx="1">
              <a:schemeClr val="accent5"/>
            </a:lnRef>
          </a:top>
          <a:bottom>
            <a:lnRef idx="1">
              <a:schemeClr val="accent5"/>
            </a:lnRef>
          </a:bottom>
        </a:tcBdr>
      </a:tcStyle>
    </a:band1H>
    <a:band1V>
      <a:tcStyle>
        <a:tcBdr>
          <a:left>
            <a:lnRef idx="1">
              <a:schemeClr val="accent5"/>
            </a:lnRef>
          </a:left>
          <a:right>
            <a:lnRef idx="1">
              <a:schemeClr val="accent5"/>
            </a:lnRef>
          </a:right>
        </a:tcBdr>
      </a:tcStyle>
    </a:band1V>
    <a:band2V>
      <a:tcStyle>
        <a:tcBdr>
          <a:left>
            <a:lnRef idx="1">
              <a:schemeClr val="accent5"/>
            </a:lnRef>
          </a:left>
          <a:right>
            <a:lnRef idx="1">
              <a:schemeClr val="accent5"/>
            </a:lnRef>
          </a:right>
        </a:tcBdr>
      </a:tcStyle>
    </a:band2V>
    <a:lastCol>
      <a:tcTxStyle b="on"/>
      <a:tcStyle>
        <a:tcBdr/>
      </a:tcStyle>
    </a:lastCol>
    <a:firstCol>
      <a:tcTxStyle b="on"/>
      <a:tcStyle>
        <a:tcBdr/>
      </a:tcStyle>
    </a:firstCol>
    <a:lastRow>
      <a:tcTxStyle b="on"/>
      <a:tcStyle>
        <a:tcBdr>
          <a:top>
            <a:ln w="50800" cmpd="dbl">
              <a:solidFill>
                <a:schemeClr val="accent5"/>
              </a:solidFill>
            </a:ln>
          </a:top>
        </a:tcBdr>
      </a:tcStyle>
    </a:lastRow>
    <a:firstRow>
      <a:tcTxStyle b="on">
        <a:fontRef idx="minor">
          <a:scrgbClr r="0" g="0" b="0"/>
        </a:fontRef>
        <a:schemeClr val="bg1"/>
      </a:tcTxStyle>
      <a:tcStyle>
        <a:tcBdr/>
        <a:fillRef idx="1">
          <a:schemeClr val="accent5"/>
        </a:fillRef>
      </a:tcStyle>
    </a:firstRow>
  </a:tblStyle>
  <a:tblStyle styleId="{912C8C85-51F0-491E-9774-3900AFEF0FD7}" styleName="Light Style 2 - Accent 6">
    <a:wholeTbl>
      <a:tcTxStyle>
        <a:fontRef idx="minor">
          <a:scrgbClr r="0" g="0" b="0"/>
        </a:fontRef>
        <a:schemeClr val="tx1"/>
      </a:tcTxStyle>
      <a:tcStyle>
        <a:tcBdr>
          <a:left>
            <a:lnRef idx="1">
              <a:schemeClr val="accent6"/>
            </a:lnRef>
          </a:left>
          <a:right>
            <a:lnRef idx="1">
              <a:schemeClr val="accent6"/>
            </a:lnRef>
          </a:right>
          <a:top>
            <a:lnRef idx="1">
              <a:schemeClr val="accent6"/>
            </a:lnRef>
          </a:top>
          <a:bottom>
            <a:lnRef idx="1">
              <a:schemeClr val="accent6"/>
            </a:lnRef>
          </a:bottom>
          <a:insideH>
            <a:ln>
              <a:noFill/>
            </a:ln>
          </a:insideH>
          <a:insideV>
            <a:ln>
              <a:noFill/>
            </a:ln>
          </a:insideV>
        </a:tcBdr>
        <a:fill>
          <a:noFill/>
        </a:fill>
      </a:tcStyle>
    </a:wholeTbl>
    <a:band1H>
      <a:tcStyle>
        <a:tcBdr>
          <a:top>
            <a:lnRef idx="1">
              <a:schemeClr val="accent6"/>
            </a:lnRef>
          </a:top>
          <a:bottom>
            <a:lnRef idx="1">
              <a:schemeClr val="accent6"/>
            </a:lnRef>
          </a:bottom>
        </a:tcBdr>
      </a:tcStyle>
    </a:band1H>
    <a:band1V>
      <a:tcStyle>
        <a:tcBdr>
          <a:left>
            <a:lnRef idx="1">
              <a:schemeClr val="accent6"/>
            </a:lnRef>
          </a:left>
          <a:right>
            <a:lnRef idx="1">
              <a:schemeClr val="accent6"/>
            </a:lnRef>
          </a:right>
        </a:tcBdr>
      </a:tcStyle>
    </a:band1V>
    <a:band2V>
      <a:tcStyle>
        <a:tcBdr>
          <a:left>
            <a:lnRef idx="1">
              <a:schemeClr val="accent6"/>
            </a:lnRef>
          </a:left>
          <a:right>
            <a:lnRef idx="1">
              <a:schemeClr val="accent6"/>
            </a:lnRef>
          </a:right>
        </a:tcBdr>
      </a:tcStyle>
    </a:band2V>
    <a:lastCol>
      <a:tcTxStyle b="on"/>
      <a:tcStyle>
        <a:tcBdr/>
      </a:tcStyle>
    </a:lastCol>
    <a:firstCol>
      <a:tcTxStyle b="on"/>
      <a:tcStyle>
        <a:tcBdr/>
      </a:tcStyle>
    </a:firstCol>
    <a:lastRow>
      <a:tcTxStyle b="on"/>
      <a:tcStyle>
        <a:tcBdr>
          <a:top>
            <a:ln w="50800" cmpd="dbl">
              <a:solidFill>
                <a:schemeClr val="accent6"/>
              </a:solidFill>
            </a:ln>
          </a:top>
        </a:tcBdr>
      </a:tcStyle>
    </a:lastRow>
    <a:firstRow>
      <a:tcTxStyle b="on">
        <a:fontRef idx="minor">
          <a:scrgbClr r="0" g="0" b="0"/>
        </a:fontRef>
        <a:schemeClr val="bg1"/>
      </a:tcTxStyle>
      <a:tcStyle>
        <a:tcBdr/>
        <a:fillRef idx="1">
          <a:schemeClr val="accent6"/>
        </a:fillRef>
      </a:tcStyle>
    </a:firstRow>
  </a:tblStyle>
  <a:tblStyle styleId="{17292A2E-F333-43FB-9621-5CBBE7FDCDCB}" styleName="Light Style 2 - Accent 4">
    <a:wholeTbl>
      <a:tcTxStyle>
        <a:fontRef idx="minor">
          <a:scrgbClr r="0" g="0" b="0"/>
        </a:fontRef>
        <a:schemeClr val="tx1"/>
      </a:tcTxStyle>
      <a:tcStyle>
        <a:tcBdr>
          <a:left>
            <a:lnRef idx="1">
              <a:schemeClr val="accent4"/>
            </a:lnRef>
          </a:left>
          <a:right>
            <a:lnRef idx="1">
              <a:schemeClr val="accent4"/>
            </a:lnRef>
          </a:right>
          <a:top>
            <a:lnRef idx="1">
              <a:schemeClr val="accent4"/>
            </a:lnRef>
          </a:top>
          <a:bottom>
            <a:lnRef idx="1">
              <a:schemeClr val="accent4"/>
            </a:lnRef>
          </a:bottom>
          <a:insideH>
            <a:ln>
              <a:noFill/>
            </a:ln>
          </a:insideH>
          <a:insideV>
            <a:ln>
              <a:noFill/>
            </a:ln>
          </a:insideV>
        </a:tcBdr>
        <a:fill>
          <a:noFill/>
        </a:fill>
      </a:tcStyle>
    </a:wholeTbl>
    <a:band1H>
      <a:tcStyle>
        <a:tcBdr>
          <a:top>
            <a:lnRef idx="1">
              <a:schemeClr val="accent4"/>
            </a:lnRef>
          </a:top>
          <a:bottom>
            <a:lnRef idx="1">
              <a:schemeClr val="accent4"/>
            </a:lnRef>
          </a:bottom>
        </a:tcBdr>
      </a:tcStyle>
    </a:band1H>
    <a:band1V>
      <a:tcStyle>
        <a:tcBdr>
          <a:left>
            <a:lnRef idx="1">
              <a:schemeClr val="accent4"/>
            </a:lnRef>
          </a:left>
          <a:right>
            <a:lnRef idx="1">
              <a:schemeClr val="accent4"/>
            </a:lnRef>
          </a:right>
        </a:tcBdr>
      </a:tcStyle>
    </a:band1V>
    <a:band2V>
      <a:tcStyle>
        <a:tcBdr>
          <a:left>
            <a:lnRef idx="1">
              <a:schemeClr val="accent4"/>
            </a:lnRef>
          </a:left>
          <a:right>
            <a:lnRef idx="1">
              <a:schemeClr val="accent4"/>
            </a:lnRef>
          </a:right>
        </a:tcBdr>
      </a:tcStyle>
    </a:band2V>
    <a:lastCol>
      <a:tcTxStyle b="on"/>
      <a:tcStyle>
        <a:tcBdr/>
      </a:tcStyle>
    </a:lastCol>
    <a:firstCol>
      <a:tcTxStyle b="on"/>
      <a:tcStyle>
        <a:tcBdr/>
      </a:tcStyle>
    </a:firstCol>
    <a:lastRow>
      <a:tcTxStyle b="on"/>
      <a:tcStyle>
        <a:tcBdr>
          <a:top>
            <a:ln w="50800" cmpd="dbl">
              <a:solidFill>
                <a:schemeClr val="accent4"/>
              </a:solidFill>
            </a:ln>
          </a:top>
        </a:tcBdr>
      </a:tcStyle>
    </a:lastRow>
    <a:firstRow>
      <a:tcTxStyle b="on">
        <a:fontRef idx="minor">
          <a:scrgbClr r="0" g="0" b="0"/>
        </a:fontRef>
        <a:schemeClr val="bg1"/>
      </a:tcTxStyle>
      <a:tcStyle>
        <a:tcBdr/>
        <a:fillRef idx="1">
          <a:schemeClr val="accent4"/>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E8B1032C-EA38-4F05-BA0D-38AFFFC7BED3}" styleName="Light Style 3 - Accent 6">
    <a:wholeTbl>
      <a:tcTxStyle>
        <a:fontRef idx="minor">
          <a:scrgbClr r="0" g="0" b="0"/>
        </a:fontRef>
        <a:schemeClr val="tx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w="12700" cmpd="sng">
              <a:solidFill>
                <a:schemeClr val="accent6"/>
              </a:solidFill>
            </a:ln>
          </a:insideV>
        </a:tcBdr>
        <a:fill>
          <a:noFill/>
        </a:fill>
      </a:tcStyle>
    </a:wholeTbl>
    <a:band1H>
      <a:tcStyle>
        <a:tcBdr/>
        <a:fill>
          <a:solidFill>
            <a:schemeClr val="accent6">
              <a:alpha val="20000"/>
            </a:schemeClr>
          </a:solidFill>
        </a:fill>
      </a:tcStyle>
    </a:band1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noFill/>
        </a:fill>
      </a:tcStyle>
    </a:lastRow>
    <a:firstRow>
      <a:tcTxStyle b="on"/>
      <a:tcStyle>
        <a:tcBdr>
          <a:bottom>
            <a:ln w="25400" cmpd="sng">
              <a:solidFill>
                <a:schemeClr val="accent6"/>
              </a:solidFill>
            </a:ln>
          </a:bottom>
        </a:tcBdr>
        <a:fill>
          <a:noFill/>
        </a:fill>
      </a:tcStyle>
    </a:firstRow>
  </a:tblStyle>
  <a:tblStyle styleId="{ED083AE6-46FA-4A59-8FB0-9F97EB10719F}" styleName="Light Style 3 - Accent 4">
    <a:wholeTbl>
      <a:tcTxStyle>
        <a:fontRef idx="minor">
          <a:scrgbClr r="0" g="0" b="0"/>
        </a:fontRef>
        <a:schemeClr val="tx1"/>
      </a:tcTxStyle>
      <a:tcStyle>
        <a:tcBdr>
          <a:left>
            <a:ln w="12700" cmpd="sng">
              <a:solidFill>
                <a:schemeClr val="accent4"/>
              </a:solidFill>
            </a:ln>
          </a:left>
          <a:right>
            <a:ln w="12700" cmpd="sng">
              <a:solidFill>
                <a:schemeClr val="accent4"/>
              </a:solidFill>
            </a:ln>
          </a:right>
          <a:top>
            <a:ln w="12700" cmpd="sng">
              <a:solidFill>
                <a:schemeClr val="accent4"/>
              </a:solidFill>
            </a:ln>
          </a:top>
          <a:bottom>
            <a:ln w="12700" cmpd="sng">
              <a:solidFill>
                <a:schemeClr val="accent4"/>
              </a:solidFill>
            </a:ln>
          </a:bottom>
          <a:insideH>
            <a:ln w="12700" cmpd="sng">
              <a:solidFill>
                <a:schemeClr val="accent4"/>
              </a:solidFill>
            </a:ln>
          </a:insideH>
          <a:insideV>
            <a:ln w="12700" cmpd="sng">
              <a:solidFill>
                <a:schemeClr val="accent4"/>
              </a:solidFill>
            </a:ln>
          </a:insideV>
        </a:tcBdr>
        <a:fill>
          <a:noFill/>
        </a:fill>
      </a:tcStyle>
    </a:wholeTbl>
    <a:band1H>
      <a:tcStyle>
        <a:tcBdr/>
        <a:fill>
          <a:solidFill>
            <a:schemeClr val="accent4">
              <a:alpha val="20000"/>
            </a:schemeClr>
          </a:solidFill>
        </a:fill>
      </a:tcStyle>
    </a:band1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50800" cmpd="dbl">
              <a:solidFill>
                <a:schemeClr val="accent4"/>
              </a:solidFill>
            </a:ln>
          </a:top>
        </a:tcBdr>
        <a:fill>
          <a:noFill/>
        </a:fill>
      </a:tcStyle>
    </a:lastRow>
    <a:firstRow>
      <a:tcTxStyle b="on"/>
      <a:tcStyle>
        <a:tcBdr>
          <a:bottom>
            <a:ln w="25400" cmpd="sng">
              <a:solidFill>
                <a:schemeClr val="accent4"/>
              </a:solidFill>
            </a:ln>
          </a:bottom>
        </a:tcBdr>
        <a:fill>
          <a:noFill/>
        </a:fill>
      </a:tcStyle>
    </a:firstRow>
  </a:tblStyle>
  <a:tblStyle styleId="{BDBED569-4797-4DF1-A0F4-6AAB3CD982D8}" styleName="Light Style 3 - Accent 5">
    <a:wholeTbl>
      <a:tcTxStyle>
        <a:fontRef idx="minor">
          <a:scrgbClr r="0" g="0" b="0"/>
        </a:fontRef>
        <a:schemeClr val="tx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w="12700" cmpd="sng">
              <a:solidFill>
                <a:schemeClr val="accent5"/>
              </a:solidFill>
            </a:ln>
          </a:insideV>
        </a:tcBdr>
        <a:fill>
          <a:noFill/>
        </a:fill>
      </a:tcStyle>
    </a:wholeTbl>
    <a:band1H>
      <a:tcStyle>
        <a:tcBdr/>
        <a:fill>
          <a:solidFill>
            <a:schemeClr val="accent5">
              <a:alpha val="20000"/>
            </a:schemeClr>
          </a:solidFill>
        </a:fill>
      </a:tcStyle>
    </a:band1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noFill/>
        </a:fill>
      </a:tcStyle>
    </a:lastRow>
    <a:firstRow>
      <a:tcTxStyle b="on"/>
      <a:tcStyle>
        <a:tcBdr>
          <a:bottom>
            <a:ln w="25400" cmpd="sng">
              <a:solidFill>
                <a:schemeClr val="accent5"/>
              </a:solidFill>
            </a:ln>
          </a:bottom>
        </a:tcBdr>
        <a:fill>
          <a:noFill/>
        </a:fill>
      </a:tcStyle>
    </a:firstRow>
  </a:tblStyle>
  <a:tblStyle styleId="{FABFCF23-3B69-468F-B69F-88F6DE6A72F2}" styleName="Medium Style 1 - Accent 5">
    <a:wholeTbl>
      <a:tcTxStyle>
        <a:fontRef idx="minor">
          <a:scrgbClr r="0" g="0" b="0"/>
        </a:fontRef>
        <a:schemeClr val="dk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a:noFill/>
            </a:ln>
          </a:insideV>
        </a:tcBdr>
        <a:fill>
          <a:solidFill>
            <a:schemeClr val="lt1"/>
          </a:solidFill>
        </a:fill>
      </a:tcStyle>
    </a:wholeTbl>
    <a:band1H>
      <a:tcStyle>
        <a:tcBdr/>
        <a:fill>
          <a:solidFill>
            <a:schemeClr val="accent5">
              <a:tint val="20000"/>
            </a:schemeClr>
          </a:solidFill>
        </a:fill>
      </a:tcStyle>
    </a:band1H>
    <a:band1V>
      <a:tcStyle>
        <a:tcBdr/>
        <a:fill>
          <a:solidFill>
            <a:schemeClr val="accent5">
              <a:tint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solidFill>
            <a:schemeClr val="lt1"/>
          </a:solidFill>
        </a:fill>
      </a:tcStyle>
    </a:lastRow>
    <a:firstRow>
      <a:tcTxStyle b="on">
        <a:fontRef idx="minor">
          <a:scrgbClr r="0" g="0" b="0"/>
        </a:fontRef>
        <a:schemeClr val="lt1"/>
      </a:tcTxStyle>
      <a:tcStyle>
        <a:tcBdr/>
        <a:fill>
          <a:solidFill>
            <a:schemeClr val="accent5"/>
          </a:solidFill>
        </a:fill>
      </a:tcStyle>
    </a:firstRow>
  </a:tblStyle>
  <a:tblStyle styleId="{9DCAF9ED-07DC-4A11-8D7F-57B35C25682E}" styleName="Medium Style 1 - Acc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a:noFill/>
            </a:ln>
          </a:insideV>
        </a:tcBdr>
        <a:fill>
          <a:solidFill>
            <a:schemeClr val="lt1"/>
          </a:solidFill>
        </a:fill>
      </a:tcStyle>
    </a:wholeTbl>
    <a:band1H>
      <a:tcStyle>
        <a:tcBdr/>
        <a:fill>
          <a:solidFill>
            <a:schemeClr val="accent2">
              <a:tint val="20000"/>
            </a:schemeClr>
          </a:solidFill>
        </a:fill>
      </a:tcStyle>
    </a:band1H>
    <a:band1V>
      <a:tcStyle>
        <a:tcBdr/>
        <a:fill>
          <a:solidFill>
            <a:schemeClr val="accent2">
              <a:tint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solidFill>
            <a:schemeClr val="lt1"/>
          </a:solidFill>
        </a:fill>
      </a:tcStyle>
    </a:lastRow>
    <a:firstRow>
      <a:tcTxStyle b="on">
        <a:fontRef idx="minor">
          <a:scrgbClr r="0" g="0" b="0"/>
        </a:fontRef>
        <a:schemeClr val="lt1"/>
      </a:tcTxStyle>
      <a:tcStyle>
        <a:tcBdr/>
        <a:fill>
          <a:solidFill>
            <a:schemeClr val="accent2"/>
          </a:solidFill>
        </a:fill>
      </a:tcStyle>
    </a:firstRow>
  </a:tblStyle>
  <a:tblStyle styleId="{1FECB4D8-DB02-4DC6-A0A2-4F2EBAE1DC90}" styleName="Medium Style 1 - Accent 3">
    <a:wholeTbl>
      <a:tcTxStyle>
        <a:fontRef idx="minor">
          <a:scrgbClr r="0" g="0" b="0"/>
        </a:fontRef>
        <a:schemeClr val="dk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a:noFill/>
            </a:ln>
          </a:insideV>
        </a:tcBdr>
        <a:fill>
          <a:solidFill>
            <a:schemeClr val="lt1"/>
          </a:solidFill>
        </a:fill>
      </a:tcStyle>
    </a:wholeTbl>
    <a:band1H>
      <a:tcStyle>
        <a:tcBdr/>
        <a:fill>
          <a:solidFill>
            <a:schemeClr val="accent3">
              <a:tint val="20000"/>
            </a:schemeClr>
          </a:solidFill>
        </a:fill>
      </a:tcStyle>
    </a:band1H>
    <a:band1V>
      <a:tcStyle>
        <a:tcBdr/>
        <a:fill>
          <a:solidFill>
            <a:schemeClr val="accent3">
              <a:tint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solidFill>
            <a:schemeClr val="lt1"/>
          </a:solidFill>
        </a:fill>
      </a:tcStyle>
    </a:lastRow>
    <a:firstRow>
      <a:tcTxStyle b="on">
        <a:fontRef idx="minor">
          <a:scrgbClr r="0" g="0" b="0"/>
        </a:fontRef>
        <a:schemeClr val="lt1"/>
      </a:tcTxStyle>
      <a:tcStyle>
        <a:tcBdr/>
        <a:fill>
          <a:solidFill>
            <a:schemeClr val="accent3"/>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2A488322-F2BA-4B5B-9748-0D474271808F}" styleName="Medium Style 3 - Accent 6">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6"/>
          </a:solidFill>
        </a:fill>
      </a:tcStyle>
    </a:lastCol>
    <a:firstCol>
      <a:tcTxStyle b="on">
        <a:fontRef idx="minor">
          <a:scrgbClr r="0" g="0" b="0"/>
        </a:fontRef>
        <a:schemeClr val="lt1"/>
      </a:tcTxStyle>
      <a:tcStyle>
        <a:tcBdr/>
        <a:fill>
          <a:solidFill>
            <a:schemeClr val="accent6"/>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6"/>
          </a:solidFill>
        </a:fill>
      </a:tcStyle>
    </a:firstRow>
  </a:tblStyle>
  <a:tblStyle styleId="{0505E3EF-67EA-436B-97B2-0124C06EBD24}" styleName="Medium Style 4 - Accent 3">
    <a:wholeTbl>
      <a:tcTxStyle>
        <a:fontRef idx="minor">
          <a:scrgbClr r="0" g="0" b="0"/>
        </a:fontRef>
        <a:schemeClr val="dk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solidFill>
            <a:schemeClr val="accent3">
              <a:tint val="20000"/>
            </a:schemeClr>
          </a:solidFill>
        </a:fill>
      </a:tcStyle>
    </a:wholeTbl>
    <a:band1H>
      <a:tcStyle>
        <a:tcBdr/>
        <a:fill>
          <a:solidFill>
            <a:schemeClr val="accent3">
              <a:tint val="40000"/>
            </a:schemeClr>
          </a:solidFill>
        </a:fill>
      </a:tcStyle>
    </a:band1H>
    <a:band1V>
      <a:tcStyle>
        <a:tcBdr/>
        <a:fill>
          <a:solidFill>
            <a:schemeClr val="accent3">
              <a:tint val="40000"/>
            </a:schemeClr>
          </a:solidFill>
        </a:fill>
      </a:tcStyle>
    </a:band1V>
    <a:lastCol>
      <a:tcTxStyle b="on"/>
      <a:tcStyle>
        <a:tcBdr/>
      </a:tcStyle>
    </a:lastCol>
    <a:firstCol>
      <a:tcTxStyle b="on"/>
      <a:tcStyle>
        <a:tcBdr/>
      </a:tcStyle>
    </a:firstCol>
    <a:lastRow>
      <a:tcTxStyle b="on"/>
      <a:tcStyle>
        <a:tcBdr>
          <a:top>
            <a:ln w="25400" cmpd="sng">
              <a:solidFill>
                <a:schemeClr val="accent3"/>
              </a:solidFill>
            </a:ln>
          </a:top>
        </a:tcBdr>
        <a:fill>
          <a:solidFill>
            <a:schemeClr val="accent3">
              <a:tint val="20000"/>
            </a:schemeClr>
          </a:solidFill>
        </a:fill>
      </a:tcStyle>
    </a:lastRow>
    <a:firstRow>
      <a:tcTxStyle b="on"/>
      <a:tcStyle>
        <a:tcBdr/>
        <a:fill>
          <a:solidFill>
            <a:schemeClr val="accent3">
              <a:tint val="20000"/>
            </a:schemeClr>
          </a:solidFill>
        </a:fill>
      </a:tcStyle>
    </a:firstRow>
  </a:tblStyle>
  <a:tblStyle styleId="{8FD4443E-F989-4FC4-A0C8-D5A2AF1F390B}" styleName="Dark Style 1 - Accent 5">
    <a:wholeTbl>
      <a:tcTxStyle>
        <a:fontRef idx="minor">
          <a:scrgbClr r="0" g="0" b="0"/>
        </a:fontRef>
        <a:schemeClr val="lt1"/>
      </a:tcTxStyle>
      <a:tcStyle>
        <a:tcBdr>
          <a:left>
            <a:ln>
              <a:noFill/>
            </a:ln>
          </a:left>
          <a:right>
            <a:ln>
              <a:noFill/>
            </a:ln>
          </a:right>
          <a:top>
            <a:ln>
              <a:noFill/>
            </a:ln>
          </a:top>
          <a:bottom>
            <a:ln>
              <a:noFill/>
            </a:ln>
          </a:bottom>
          <a:insideH>
            <a:ln>
              <a:noFill/>
            </a:ln>
          </a:insideH>
          <a:insideV>
            <a:ln>
              <a:noFill/>
            </a:ln>
          </a:insideV>
        </a:tcBdr>
        <a:fill>
          <a:solidFill>
            <a:schemeClr val="accent5"/>
          </a:solidFill>
        </a:fill>
      </a:tcStyle>
    </a:wholeTbl>
    <a:band1H>
      <a:tcStyle>
        <a:tcBdr/>
        <a:fill>
          <a:solidFill>
            <a:schemeClr val="accent5">
              <a:shade val="60000"/>
            </a:schemeClr>
          </a:solidFill>
        </a:fill>
      </a:tcStyle>
    </a:band1H>
    <a:band1V>
      <a:tcStyle>
        <a:tcBdr/>
        <a:fill>
          <a:solidFill>
            <a:schemeClr val="accent5">
              <a:shade val="60000"/>
            </a:schemeClr>
          </a:solidFill>
        </a:fill>
      </a:tcStyle>
    </a:band1V>
    <a:lastCol>
      <a:tcTxStyle b="on"/>
      <a:tcStyle>
        <a:tcBdr>
          <a:left>
            <a:ln w="25400" cmpd="sng">
              <a:solidFill>
                <a:schemeClr val="lt1"/>
              </a:solidFill>
            </a:ln>
          </a:left>
        </a:tcBdr>
        <a:fill>
          <a:solidFill>
            <a:schemeClr val="accent5">
              <a:shade val="60000"/>
            </a:schemeClr>
          </a:solidFill>
        </a:fill>
      </a:tcStyle>
    </a:lastCol>
    <a:firstCol>
      <a:tcTxStyle b="on"/>
      <a:tcStyle>
        <a:tcBdr>
          <a:right>
            <a:ln w="25400" cmpd="sng">
              <a:solidFill>
                <a:schemeClr val="lt1"/>
              </a:solidFill>
            </a:ln>
          </a:right>
        </a:tcBdr>
        <a:fill>
          <a:solidFill>
            <a:schemeClr val="accent5">
              <a:shade val="60000"/>
            </a:schemeClr>
          </a:solidFill>
        </a:fill>
      </a:tcStyle>
    </a:firstCol>
    <a:lastRow>
      <a:tcTxStyle b="on"/>
      <a:tcStyle>
        <a:tcBdr>
          <a:top>
            <a:ln w="25400" cmpd="sng">
              <a:solidFill>
                <a:schemeClr val="lt1"/>
              </a:solidFill>
            </a:ln>
          </a:top>
        </a:tcBdr>
        <a:fill>
          <a:solidFill>
            <a:schemeClr val="accent5">
              <a:shade val="40000"/>
            </a:schemeClr>
          </a:solidFill>
        </a:fill>
      </a:tcStyle>
    </a:lastRow>
    <a:seCell>
      <a:tcStyle>
        <a:tcBdr>
          <a:left>
            <a:ln>
              <a:noFill/>
            </a:ln>
          </a:left>
        </a:tcBdr>
      </a:tcStyle>
    </a:seCell>
    <a:swCell>
      <a:tcStyle>
        <a:tcBdr>
          <a:right>
            <a:ln>
              <a:noFill/>
            </a:ln>
          </a:right>
        </a:tcBdr>
      </a:tcStyle>
    </a:swCell>
    <a:firstRow>
      <a:tcTxStyle b="on"/>
      <a:tcStyle>
        <a:tcBdr>
          <a:bottom>
            <a:ln w="25400" cmpd="sng">
              <a:solidFill>
                <a:schemeClr val="lt1"/>
              </a:solidFill>
            </a:ln>
          </a:bottom>
        </a:tcBdr>
        <a:fill>
          <a:solidFill>
            <a:schemeClr val="dk1"/>
          </a:solidFill>
        </a:fill>
      </a:tcStyle>
    </a:firstRow>
    <a:neCell>
      <a:tcStyle>
        <a:tcBdr>
          <a:left>
            <a:ln>
              <a:noFill/>
            </a:ln>
          </a:left>
        </a:tcBdr>
      </a:tcStyle>
    </a:neCell>
    <a:nwCell>
      <a:tcStyle>
        <a:tcBdr>
          <a:right>
            <a:ln>
              <a:noFill/>
            </a:ln>
          </a:right>
        </a:tcBdr>
      </a:tcStyle>
    </a:nwCell>
  </a:tblStyle>
  <a:tblStyle styleId="{EB344D84-9AFB-497E-A393-DC336BA19D2E}" styleName="Medium Style 3 - Accent 3">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3"/>
          </a:solidFill>
        </a:fill>
      </a:tcStyle>
    </a:lastCol>
    <a:firstCol>
      <a:tcTxStyle b="on">
        <a:fontRef idx="minor">
          <a:scrgbClr r="0" g="0" b="0"/>
        </a:fontRef>
        <a:schemeClr val="lt1"/>
      </a:tcTxStyle>
      <a:tcStyle>
        <a:tcBdr/>
        <a:fill>
          <a:solidFill>
            <a:schemeClr val="accent3"/>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3"/>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793D81CF-94F2-401A-BA57-92F5A7B2D0C5}" styleName="Medium Style 1">
    <a:wholeTbl>
      <a:tcTxStyle>
        <a:fontRef idx="minor">
          <a:scrgbClr r="0" g="0" b="0"/>
        </a:fontRef>
        <a:schemeClr val="dk1"/>
      </a:tcTxStyle>
      <a:tcStyle>
        <a:tcBdr>
          <a:left>
            <a:ln w="12700" cmpd="sng">
              <a:solidFill>
                <a:schemeClr val="dk1"/>
              </a:solidFill>
            </a:ln>
          </a:left>
          <a:right>
            <a:ln w="12700" cmpd="sng">
              <a:solidFill>
                <a:schemeClr val="dk1"/>
              </a:solidFill>
            </a:ln>
          </a:right>
          <a:top>
            <a:ln w="12700" cmpd="sng">
              <a:solidFill>
                <a:schemeClr val="dk1"/>
              </a:solidFill>
            </a:ln>
          </a:top>
          <a:bottom>
            <a:ln w="12700" cmpd="sng">
              <a:solidFill>
                <a:schemeClr val="dk1"/>
              </a:solidFill>
            </a:ln>
          </a:bottom>
          <a:insideH>
            <a:ln w="12700" cmpd="sng">
              <a:solidFill>
                <a:schemeClr val="dk1"/>
              </a:solid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lt1"/>
          </a:solidFill>
        </a:fill>
      </a:tcStyle>
    </a:lastRow>
    <a:firstRow>
      <a:tcTxStyle b="on">
        <a:fontRef idx="minor">
          <a:scrgbClr r="0" g="0" b="0"/>
        </a:fontRef>
        <a:schemeClr val="lt1"/>
      </a:tcTxStyle>
      <a:tcStyle>
        <a:tcBdr/>
        <a:fill>
          <a:solidFill>
            <a:schemeClr val="dk1"/>
          </a:solidFill>
        </a:fill>
      </a:tcStyle>
    </a:firstRow>
  </a:tblStyle>
  <a:tblStyle styleId="{1E171933-4619-4E11-9A3F-F7608DF75F80}" styleName="Medium Style 1 - Accent 4">
    <a:wholeTbl>
      <a:tcTxStyle>
        <a:fontRef idx="minor">
          <a:scrgbClr r="0" g="0" b="0"/>
        </a:fontRef>
        <a:schemeClr val="dk1"/>
      </a:tcTxStyle>
      <a:tcStyle>
        <a:tcBdr>
          <a:left>
            <a:ln w="12700" cmpd="sng">
              <a:solidFill>
                <a:schemeClr val="accent4"/>
              </a:solidFill>
            </a:ln>
          </a:left>
          <a:right>
            <a:ln w="12700" cmpd="sng">
              <a:solidFill>
                <a:schemeClr val="accent4"/>
              </a:solidFill>
            </a:ln>
          </a:right>
          <a:top>
            <a:ln w="12700" cmpd="sng">
              <a:solidFill>
                <a:schemeClr val="accent4"/>
              </a:solidFill>
            </a:ln>
          </a:top>
          <a:bottom>
            <a:ln w="12700" cmpd="sng">
              <a:solidFill>
                <a:schemeClr val="accent4"/>
              </a:solidFill>
            </a:ln>
          </a:bottom>
          <a:insideH>
            <a:ln w="12700" cmpd="sng">
              <a:solidFill>
                <a:schemeClr val="accent4"/>
              </a:solidFill>
            </a:ln>
          </a:insideH>
          <a:insideV>
            <a:ln>
              <a:noFill/>
            </a:ln>
          </a:insideV>
        </a:tcBdr>
        <a:fill>
          <a:solidFill>
            <a:schemeClr val="lt1"/>
          </a:solidFill>
        </a:fill>
      </a:tcStyle>
    </a:wholeTbl>
    <a:band1H>
      <a:tcStyle>
        <a:tcBdr/>
        <a:fill>
          <a:solidFill>
            <a:schemeClr val="accent4">
              <a:tint val="20000"/>
            </a:schemeClr>
          </a:solidFill>
        </a:fill>
      </a:tcStyle>
    </a:band1H>
    <a:band1V>
      <a:tcStyle>
        <a:tcBdr/>
        <a:fill>
          <a:solidFill>
            <a:schemeClr val="accent4">
              <a:tint val="20000"/>
            </a:schemeClr>
          </a:solidFill>
        </a:fill>
      </a:tcStyle>
    </a:band1V>
    <a:lastCol>
      <a:tcTxStyle b="on"/>
      <a:tcStyle>
        <a:tcBdr/>
      </a:tcStyle>
    </a:lastCol>
    <a:firstCol>
      <a:tcTxStyle b="on"/>
      <a:tcStyle>
        <a:tcBdr/>
      </a:tcStyle>
    </a:firstCol>
    <a:lastRow>
      <a:tcTxStyle b="on"/>
      <a:tcStyle>
        <a:tcBdr>
          <a:top>
            <a:ln w="50800" cmpd="dbl">
              <a:solidFill>
                <a:schemeClr val="accent4"/>
              </a:solidFill>
            </a:ln>
          </a:top>
        </a:tcBdr>
        <a:fill>
          <a:solidFill>
            <a:schemeClr val="lt1"/>
          </a:solidFill>
        </a:fill>
      </a:tcStyle>
    </a:lastRow>
    <a:firstRow>
      <a:tcTxStyle b="on">
        <a:fontRef idx="minor">
          <a:scrgbClr r="0" g="0" b="0"/>
        </a:fontRef>
        <a:schemeClr val="lt1"/>
      </a:tcTxStyle>
      <a:tcStyle>
        <a:tcBdr/>
        <a:fill>
          <a:solidFill>
            <a:schemeClr val="accent4"/>
          </a:solidFill>
        </a:fill>
      </a:tcStyle>
    </a:firstRow>
  </a:tblStyle>
  <a:tblStyle styleId="{10A1B5D5-9B99-4C35-A422-299274C87663}" styleName="Medium Style 1 - Acc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a:noFill/>
            </a:ln>
          </a:insideV>
        </a:tcBdr>
        <a:fill>
          <a:solidFill>
            <a:schemeClr val="lt1"/>
          </a:solidFill>
        </a:fill>
      </a:tcStyle>
    </a:wholeTbl>
    <a:band1H>
      <a:tcStyle>
        <a:tcBdr/>
        <a:fill>
          <a:solidFill>
            <a:schemeClr val="accent6">
              <a:tint val="20000"/>
            </a:schemeClr>
          </a:solidFill>
        </a:fill>
      </a:tcStyle>
    </a:band1H>
    <a:band1V>
      <a:tcStyle>
        <a:tcBdr/>
        <a:fill>
          <a:solidFill>
            <a:schemeClr val="accent6">
              <a:tint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solidFill>
            <a:schemeClr val="lt1"/>
          </a:solidFill>
        </a:fill>
      </a:tcStyle>
    </a:lastRow>
    <a:firstRow>
      <a:tcTxStyle b="on">
        <a:fontRef idx="minor">
          <a:scrgbClr r="0" g="0" b="0"/>
        </a:fontRef>
        <a:schemeClr val="lt1"/>
      </a:tcTxStyle>
      <a:tcStyle>
        <a:tcBdr/>
        <a:fill>
          <a:solidFill>
            <a:schemeClr val="accent6"/>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3570" autoAdjust="0"/>
    <p:restoredTop sz="83282" autoAdjust="0"/>
  </p:normalViewPr>
  <p:slideViewPr>
    <p:cSldViewPr snapToGrid="0" showGuides="1">
      <p:cViewPr varScale="1">
        <p:scale>
          <a:sx n="54" d="100"/>
          <a:sy n="54" d="100"/>
        </p:scale>
        <p:origin x="1212" y="78"/>
      </p:cViewPr>
      <p:guideLst>
        <p:guide orient="horz" pos="2664"/>
        <p:guide pos="3840"/>
      </p:guideLst>
    </p:cSldViewPr>
  </p:slideViewPr>
  <p:outlineViewPr>
    <p:cViewPr>
      <p:scale>
        <a:sx n="33" d="100"/>
        <a:sy n="33" d="100"/>
      </p:scale>
      <p:origin x="0" y="-2700"/>
    </p:cViewPr>
  </p:outlineViewPr>
  <p:notesTextViewPr>
    <p:cViewPr>
      <p:scale>
        <a:sx n="1" d="1"/>
        <a:sy n="1" d="1"/>
      </p:scale>
      <p:origin x="0" y="0"/>
    </p:cViewPr>
  </p:notesTextViewPr>
  <p:sorterViewPr>
    <p:cViewPr varScale="1">
      <p:scale>
        <a:sx n="100" d="100"/>
        <a:sy n="100" d="100"/>
      </p:scale>
      <p:origin x="0" y="0"/>
    </p:cViewPr>
  </p:sorterViewPr>
  <p:notesViewPr>
    <p:cSldViewPr snapToGrid="0">
      <p:cViewPr varScale="1">
        <p:scale>
          <a:sx n="85" d="100"/>
          <a:sy n="85" d="100"/>
        </p:scale>
        <p:origin x="3768" y="72"/>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4.xml"/><Relationship Id="rId34" Type="http://schemas.openxmlformats.org/officeDocument/2006/relationships/slide" Target="slides/slide27.xml"/><Relationship Id="rId42" Type="http://schemas.microsoft.com/office/2018/10/relationships/authors" Target="author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slide" Target="slides/slide22.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commentAuthors" Target="commentAuthors.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handoutMaster" Target="handoutMasters/handoutMaster1.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notesMaster" Target="notesMasters/notesMaster1.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1" Type="http://schemas.openxmlformats.org/officeDocument/2006/relationships/oleObject" Target="file:///\\WDCNAP532\Reposit2\WA_New4\ANALYTICS\File_Exchange\Priya\Semi%20Circle.xlsx"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ales</c:v>
                </c:pt>
              </c:strCache>
            </c:strRef>
          </c:tx>
          <c:spPr>
            <a:ln w="76200">
              <a:solidFill>
                <a:srgbClr val="F2F2F2"/>
              </a:solidFill>
            </a:ln>
          </c:spPr>
          <c:dPt>
            <c:idx val="0"/>
            <c:bubble3D val="0"/>
            <c:spPr>
              <a:solidFill>
                <a:srgbClr val="00B0F0"/>
              </a:solidFill>
              <a:ln w="76200">
                <a:solidFill>
                  <a:srgbClr val="F2F2F2"/>
                </a:solidFill>
              </a:ln>
              <a:effectLst/>
            </c:spPr>
            <c:extLst>
              <c:ext xmlns:c16="http://schemas.microsoft.com/office/drawing/2014/chart" uri="{C3380CC4-5D6E-409C-BE32-E72D297353CC}">
                <c16:uniqueId val="{00000001-FF59-4B29-A91D-7847528D7861}"/>
              </c:ext>
            </c:extLst>
          </c:dPt>
          <c:dPt>
            <c:idx val="1"/>
            <c:bubble3D val="0"/>
            <c:spPr>
              <a:solidFill>
                <a:schemeClr val="accent1"/>
              </a:solidFill>
              <a:ln w="76200">
                <a:solidFill>
                  <a:srgbClr val="F2F2F2"/>
                </a:solidFill>
              </a:ln>
              <a:effectLst/>
            </c:spPr>
            <c:extLst>
              <c:ext xmlns:c16="http://schemas.microsoft.com/office/drawing/2014/chart" uri="{C3380CC4-5D6E-409C-BE32-E72D297353CC}">
                <c16:uniqueId val="{00000003-FF59-4B29-A91D-7847528D7861}"/>
              </c:ext>
            </c:extLst>
          </c:dPt>
          <c:dPt>
            <c:idx val="2"/>
            <c:bubble3D val="0"/>
            <c:spPr>
              <a:solidFill>
                <a:schemeClr val="accent2"/>
              </a:solidFill>
              <a:ln w="76200">
                <a:solidFill>
                  <a:srgbClr val="F2F2F2"/>
                </a:solidFill>
              </a:ln>
              <a:effectLst/>
            </c:spPr>
            <c:extLst>
              <c:ext xmlns:c16="http://schemas.microsoft.com/office/drawing/2014/chart" uri="{C3380CC4-5D6E-409C-BE32-E72D297353CC}">
                <c16:uniqueId val="{00000005-FF59-4B29-A91D-7847528D7861}"/>
              </c:ext>
            </c:extLst>
          </c:dPt>
          <c:dPt>
            <c:idx val="3"/>
            <c:bubble3D val="0"/>
            <c:spPr>
              <a:solidFill>
                <a:schemeClr val="bg2">
                  <a:lumMod val="50000"/>
                </a:schemeClr>
              </a:solidFill>
              <a:ln w="76200">
                <a:solidFill>
                  <a:srgbClr val="F2F2F2"/>
                </a:solidFill>
              </a:ln>
              <a:effectLst/>
            </c:spPr>
            <c:extLst>
              <c:ext xmlns:c16="http://schemas.microsoft.com/office/drawing/2014/chart" uri="{C3380CC4-5D6E-409C-BE32-E72D297353CC}">
                <c16:uniqueId val="{00000007-FF59-4B29-A91D-7847528D7861}"/>
              </c:ext>
            </c:extLst>
          </c:dPt>
          <c:cat>
            <c:strRef>
              <c:f>Sheet1!$A$2:$A$5</c:f>
              <c:strCache>
                <c:ptCount val="4"/>
                <c:pt idx="0">
                  <c:v>1st Qtr</c:v>
                </c:pt>
                <c:pt idx="1">
                  <c:v>2nd Qtr</c:v>
                </c:pt>
                <c:pt idx="2">
                  <c:v>3rd Qtr</c:v>
                </c:pt>
                <c:pt idx="3">
                  <c:v>4th Qtr</c:v>
                </c:pt>
              </c:strCache>
            </c:strRef>
          </c:cat>
          <c:val>
            <c:numRef>
              <c:f>Sheet1!$B$2:$B$5</c:f>
              <c:numCache>
                <c:formatCode>General</c:formatCode>
                <c:ptCount val="4"/>
                <c:pt idx="0">
                  <c:v>10</c:v>
                </c:pt>
                <c:pt idx="1">
                  <c:v>40</c:v>
                </c:pt>
                <c:pt idx="2">
                  <c:v>30</c:v>
                </c:pt>
                <c:pt idx="3">
                  <c:v>20</c:v>
                </c:pt>
              </c:numCache>
            </c:numRef>
          </c:val>
          <c:extLst>
            <c:ext xmlns:c16="http://schemas.microsoft.com/office/drawing/2014/chart" uri="{C3380CC4-5D6E-409C-BE32-E72D297353CC}">
              <c16:uniqueId val="{00000008-FF59-4B29-A91D-7847528D7861}"/>
            </c:ext>
          </c:extLst>
        </c:ser>
        <c:dLbls>
          <c:showLegendKey val="0"/>
          <c:showVal val="0"/>
          <c:showCatName val="0"/>
          <c:showSerName val="0"/>
          <c:showPercent val="0"/>
          <c:showBubbleSize val="0"/>
          <c:showLeaderLines val="1"/>
        </c:dLbls>
        <c:firstSliceAng val="0"/>
        <c:holeSize val="75"/>
      </c:doughnutChart>
      <c:spPr>
        <a:noFill/>
        <a:ln w="25400">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38100">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3148148148148143E-2"/>
          <c:y val="3.4722222222222224E-2"/>
          <c:w val="0.81435185185185188"/>
          <c:h val="0.96527777777777779"/>
        </c:manualLayout>
      </c:layout>
      <c:doughnutChart>
        <c:varyColors val="1"/>
        <c:ser>
          <c:idx val="0"/>
          <c:order val="0"/>
          <c:tx>
            <c:strRef>
              <c:f>Sheet1!$A$1</c:f>
              <c:strCache>
                <c:ptCount val="1"/>
                <c:pt idx="0">
                  <c:v>Dial Colors</c:v>
                </c:pt>
              </c:strCache>
            </c:strRef>
          </c:tx>
          <c:dPt>
            <c:idx val="0"/>
            <c:bubble3D val="0"/>
            <c:spPr>
              <a:solidFill>
                <a:srgbClr val="C4D600"/>
              </a:solidFill>
            </c:spPr>
            <c:extLst>
              <c:ext xmlns:c16="http://schemas.microsoft.com/office/drawing/2014/chart" uri="{C3380CC4-5D6E-409C-BE32-E72D297353CC}">
                <c16:uniqueId val="{00000001-FD88-2044-AB29-64DCD2334A54}"/>
              </c:ext>
            </c:extLst>
          </c:dPt>
          <c:dPt>
            <c:idx val="1"/>
            <c:bubble3D val="0"/>
            <c:spPr>
              <a:solidFill>
                <a:srgbClr val="F0B434"/>
              </a:solidFill>
            </c:spPr>
            <c:extLst>
              <c:ext xmlns:c16="http://schemas.microsoft.com/office/drawing/2014/chart" uri="{C3380CC4-5D6E-409C-BE32-E72D297353CC}">
                <c16:uniqueId val="{00000003-FD88-2044-AB29-64DCD2334A54}"/>
              </c:ext>
            </c:extLst>
          </c:dPt>
          <c:dPt>
            <c:idx val="2"/>
            <c:bubble3D val="0"/>
            <c:spPr>
              <a:solidFill>
                <a:srgbClr val="EDA911"/>
              </a:solidFill>
            </c:spPr>
            <c:extLst>
              <c:ext xmlns:c16="http://schemas.microsoft.com/office/drawing/2014/chart" uri="{C3380CC4-5D6E-409C-BE32-E72D297353CC}">
                <c16:uniqueId val="{00000005-FD88-2044-AB29-64DCD2334A54}"/>
              </c:ext>
            </c:extLst>
          </c:dPt>
          <c:dPt>
            <c:idx val="3"/>
            <c:bubble3D val="0"/>
            <c:spPr>
              <a:solidFill>
                <a:srgbClr val="F68621"/>
              </a:solidFill>
            </c:spPr>
            <c:extLst>
              <c:ext xmlns:c16="http://schemas.microsoft.com/office/drawing/2014/chart" uri="{C3380CC4-5D6E-409C-BE32-E72D297353CC}">
                <c16:uniqueId val="{00000007-FD88-2044-AB29-64DCD2334A54}"/>
              </c:ext>
            </c:extLst>
          </c:dPt>
          <c:dPt>
            <c:idx val="4"/>
            <c:bubble3D val="0"/>
            <c:spPr>
              <a:solidFill>
                <a:srgbClr val="E35205"/>
              </a:solidFill>
              <a:ln>
                <a:noFill/>
              </a:ln>
            </c:spPr>
            <c:extLst>
              <c:ext xmlns:c16="http://schemas.microsoft.com/office/drawing/2014/chart" uri="{C3380CC4-5D6E-409C-BE32-E72D297353CC}">
                <c16:uniqueId val="{00000009-FD88-2044-AB29-64DCD2334A54}"/>
              </c:ext>
            </c:extLst>
          </c:dPt>
          <c:dPt>
            <c:idx val="5"/>
            <c:bubble3D val="0"/>
            <c:spPr>
              <a:noFill/>
            </c:spPr>
            <c:extLst>
              <c:ext xmlns:c16="http://schemas.microsoft.com/office/drawing/2014/chart" uri="{C3380CC4-5D6E-409C-BE32-E72D297353CC}">
                <c16:uniqueId val="{0000000B-FD88-2044-AB29-64DCD2334A54}"/>
              </c:ext>
            </c:extLst>
          </c:dPt>
          <c:dPt>
            <c:idx val="6"/>
            <c:bubble3D val="0"/>
            <c:spPr>
              <a:solidFill>
                <a:srgbClr val="00AAE0"/>
              </a:solidFill>
            </c:spPr>
            <c:extLst>
              <c:ext xmlns:c16="http://schemas.microsoft.com/office/drawing/2014/chart" uri="{C3380CC4-5D6E-409C-BE32-E72D297353CC}">
                <c16:uniqueId val="{0000000D-FD88-2044-AB29-64DCD2334A54}"/>
              </c:ext>
            </c:extLst>
          </c:dPt>
          <c:dPt>
            <c:idx val="7"/>
            <c:bubble3D val="0"/>
            <c:spPr>
              <a:solidFill>
                <a:srgbClr val="09BFFF"/>
              </a:solidFill>
            </c:spPr>
            <c:extLst>
              <c:ext xmlns:c16="http://schemas.microsoft.com/office/drawing/2014/chart" uri="{C3380CC4-5D6E-409C-BE32-E72D297353CC}">
                <c16:uniqueId val="{0000000F-FD88-2044-AB29-64DCD2334A54}"/>
              </c:ext>
            </c:extLst>
          </c:dPt>
          <c:dPt>
            <c:idx val="8"/>
            <c:bubble3D val="0"/>
            <c:spPr>
              <a:solidFill>
                <a:srgbClr val="7FD7B8"/>
              </a:solidFill>
            </c:spPr>
            <c:extLst>
              <c:ext xmlns:c16="http://schemas.microsoft.com/office/drawing/2014/chart" uri="{C3380CC4-5D6E-409C-BE32-E72D297353CC}">
                <c16:uniqueId val="{00000011-FD88-2044-AB29-64DCD2334A54}"/>
              </c:ext>
            </c:extLst>
          </c:dPt>
          <c:dPt>
            <c:idx val="9"/>
            <c:bubble3D val="0"/>
            <c:spPr>
              <a:solidFill>
                <a:srgbClr val="92D050"/>
              </a:solidFill>
            </c:spPr>
            <c:extLst>
              <c:ext xmlns:c16="http://schemas.microsoft.com/office/drawing/2014/chart" uri="{C3380CC4-5D6E-409C-BE32-E72D297353CC}">
                <c16:uniqueId val="{00000013-FD88-2044-AB29-64DCD2334A54}"/>
              </c:ext>
            </c:extLst>
          </c:dPt>
          <c:dPt>
            <c:idx val="10"/>
            <c:bubble3D val="0"/>
            <c:spPr>
              <a:solidFill>
                <a:srgbClr val="ADDB7B"/>
              </a:solidFill>
            </c:spPr>
            <c:extLst>
              <c:ext xmlns:c16="http://schemas.microsoft.com/office/drawing/2014/chart" uri="{C3380CC4-5D6E-409C-BE32-E72D297353CC}">
                <c16:uniqueId val="{00000015-FD88-2044-AB29-64DCD2334A54}"/>
              </c:ext>
            </c:extLst>
          </c:dPt>
          <c:val>
            <c:numRef>
              <c:f>Sheet1!$A$2:$A$12</c:f>
              <c:numCache>
                <c:formatCode>General</c:formatCode>
                <c:ptCount val="11"/>
                <c:pt idx="0">
                  <c:v>18</c:v>
                </c:pt>
                <c:pt idx="1">
                  <c:v>18</c:v>
                </c:pt>
                <c:pt idx="2">
                  <c:v>18</c:v>
                </c:pt>
                <c:pt idx="3">
                  <c:v>18</c:v>
                </c:pt>
                <c:pt idx="4">
                  <c:v>18</c:v>
                </c:pt>
                <c:pt idx="5">
                  <c:v>180</c:v>
                </c:pt>
                <c:pt idx="6">
                  <c:v>18</c:v>
                </c:pt>
                <c:pt idx="7">
                  <c:v>18</c:v>
                </c:pt>
                <c:pt idx="8">
                  <c:v>18</c:v>
                </c:pt>
                <c:pt idx="9">
                  <c:v>18</c:v>
                </c:pt>
                <c:pt idx="10">
                  <c:v>18</c:v>
                </c:pt>
              </c:numCache>
            </c:numRef>
          </c:val>
          <c:extLst>
            <c:ext xmlns:c16="http://schemas.microsoft.com/office/drawing/2014/chart" uri="{C3380CC4-5D6E-409C-BE32-E72D297353CC}">
              <c16:uniqueId val="{00000016-FD88-2044-AB29-64DCD2334A54}"/>
            </c:ext>
          </c:extLst>
        </c:ser>
        <c:dLbls>
          <c:showLegendKey val="0"/>
          <c:showVal val="0"/>
          <c:showCatName val="0"/>
          <c:showSerName val="0"/>
          <c:showPercent val="0"/>
          <c:showBubbleSize val="0"/>
          <c:showLeaderLines val="1"/>
        </c:dLbls>
        <c:firstSliceAng val="0"/>
        <c:holeSize val="50"/>
      </c:doughnutChart>
    </c:plotArea>
    <c:plotVisOnly val="1"/>
    <c:dispBlanksAs val="gap"/>
    <c:showDLblsOverMax val="0"/>
  </c:chart>
  <c:externalData r:id="rId1">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829967"/>
            <a:ext cx="3037840" cy="466433"/>
          </a:xfrm>
          <a:prstGeom prst="rect">
            <a:avLst/>
          </a:prstGeom>
        </p:spPr>
        <p:txBody>
          <a:bodyPr vert="horz" lIns="93177" tIns="46589" rIns="93177" bIns="46589" rtlCol="0" anchor="b"/>
          <a:lstStyle>
            <a:lvl1pPr algn="l">
              <a:defRPr sz="1200"/>
            </a:lvl1pPr>
          </a:lstStyle>
          <a:p>
            <a:endParaRPr lang="en-GB"/>
          </a:p>
        </p:txBody>
      </p:sp>
      <p:sp>
        <p:nvSpPr>
          <p:cNvPr id="7" name="Slide Number Placeholder 6"/>
          <p:cNvSpPr>
            <a:spLocks noGrp="1"/>
          </p:cNvSpPr>
          <p:nvPr>
            <p:ph type="sldNum" sz="quarter" idx="3"/>
          </p:nvPr>
        </p:nvSpPr>
        <p:spPr>
          <a:xfrm>
            <a:off x="3970938" y="8829967"/>
            <a:ext cx="3037840" cy="466433"/>
          </a:xfrm>
          <a:prstGeom prst="rect">
            <a:avLst/>
          </a:prstGeom>
        </p:spPr>
        <p:txBody>
          <a:bodyPr vert="horz" lIns="93177" tIns="46589" rIns="93177" bIns="46589"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970938" y="0"/>
            <a:ext cx="3037840" cy="466434"/>
          </a:xfrm>
          <a:prstGeom prst="rect">
            <a:avLst/>
          </a:prstGeom>
        </p:spPr>
        <p:txBody>
          <a:bodyPr vert="horz" lIns="93177" tIns="46589" rIns="93177" bIns="46589" rtlCol="0"/>
          <a:lstStyle>
            <a:lvl1pPr algn="r">
              <a:defRPr sz="1200"/>
            </a:lvl1pPr>
          </a:lstStyle>
          <a:p>
            <a:fld id="{13F6AEEE-E778-402E-8B8F-9A98AED26EB8}" type="datetimeFigureOut">
              <a:rPr lang="en-GB" smtClean="0"/>
              <a:t>05/02/2024</a:t>
            </a:fld>
            <a:endParaRPr lang="en-GB"/>
          </a:p>
        </p:txBody>
      </p:sp>
      <p:sp>
        <p:nvSpPr>
          <p:cNvPr id="9" name="Header Placeholder 8"/>
          <p:cNvSpPr>
            <a:spLocks noGrp="1"/>
          </p:cNvSpPr>
          <p:nvPr>
            <p:ph type="hdr" sz="quarter"/>
          </p:nvPr>
        </p:nvSpPr>
        <p:spPr>
          <a:xfrm>
            <a:off x="0" y="0"/>
            <a:ext cx="3037840" cy="466434"/>
          </a:xfrm>
          <a:prstGeom prst="rect">
            <a:avLst/>
          </a:prstGeom>
        </p:spPr>
        <p:txBody>
          <a:bodyPr vert="horz" lIns="93177" tIns="46589" rIns="93177" bIns="46589"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701040" y="4473892"/>
            <a:ext cx="5608320" cy="3660458"/>
          </a:xfrm>
          <a:prstGeom prst="rect">
            <a:avLst/>
          </a:prstGeom>
        </p:spPr>
        <p:txBody>
          <a:bodyPr vert="horz" lIns="93177" tIns="46589" rIns="93177" bIns="46589"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970938" y="0"/>
            <a:ext cx="3037840" cy="466434"/>
          </a:xfrm>
          <a:prstGeom prst="rect">
            <a:avLst/>
          </a:prstGeom>
        </p:spPr>
        <p:txBody>
          <a:bodyPr vert="horz" lIns="93177" tIns="46589" rIns="93177" bIns="46589" rtlCol="0"/>
          <a:lstStyle>
            <a:lvl1pPr algn="r">
              <a:defRPr sz="1000"/>
            </a:lvl1pPr>
          </a:lstStyle>
          <a:p>
            <a:fld id="{1386E511-D742-4EFE-90B5-C9FC42762E0F}" type="datetimeFigureOut">
              <a:rPr lang="en-GB" smtClean="0"/>
              <a:pPr/>
              <a:t>05/02/2024</a:t>
            </a:fld>
            <a:endParaRPr lang="en-GB"/>
          </a:p>
        </p:txBody>
      </p:sp>
      <p:sp>
        <p:nvSpPr>
          <p:cNvPr id="10" name="Slide Number Placeholder 9"/>
          <p:cNvSpPr>
            <a:spLocks noGrp="1"/>
          </p:cNvSpPr>
          <p:nvPr>
            <p:ph type="sldNum" sz="quarter" idx="5"/>
          </p:nvPr>
        </p:nvSpPr>
        <p:spPr>
          <a:xfrm>
            <a:off x="3970938" y="8829967"/>
            <a:ext cx="3037840" cy="466433"/>
          </a:xfrm>
          <a:prstGeom prst="rect">
            <a:avLst/>
          </a:prstGeom>
        </p:spPr>
        <p:txBody>
          <a:bodyPr vert="horz" lIns="93177" tIns="46589" rIns="93177" bIns="46589"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829967"/>
            <a:ext cx="3037840" cy="466433"/>
          </a:xfrm>
          <a:prstGeom prst="rect">
            <a:avLst/>
          </a:prstGeom>
        </p:spPr>
        <p:txBody>
          <a:bodyPr vert="horz" lIns="93177" tIns="46589" rIns="93177" bIns="46589"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717550" y="1162050"/>
            <a:ext cx="5575300" cy="3136900"/>
          </a:xfrm>
          <a:prstGeom prst="rect">
            <a:avLst/>
          </a:prstGeom>
          <a:noFill/>
          <a:ln w="12700">
            <a:solidFill>
              <a:prstClr val="black"/>
            </a:solidFill>
          </a:ln>
        </p:spPr>
        <p:txBody>
          <a:bodyPr vert="horz" lIns="93177" tIns="46589" rIns="93177" bIns="46589" rtlCol="0" anchor="ctr"/>
          <a:lstStyle/>
          <a:p>
            <a:endParaRPr lang="en-GB"/>
          </a:p>
        </p:txBody>
      </p:sp>
      <p:sp>
        <p:nvSpPr>
          <p:cNvPr id="13" name="Header Placeholder 12"/>
          <p:cNvSpPr>
            <a:spLocks noGrp="1"/>
          </p:cNvSpPr>
          <p:nvPr>
            <p:ph type="hdr" sz="quarter"/>
          </p:nvPr>
        </p:nvSpPr>
        <p:spPr>
          <a:xfrm>
            <a:off x="0" y="0"/>
            <a:ext cx="3037840" cy="466434"/>
          </a:xfrm>
          <a:prstGeom prst="rect">
            <a:avLst/>
          </a:prstGeom>
        </p:spPr>
        <p:txBody>
          <a:bodyPr vert="horz" lIns="93177" tIns="46589" rIns="93177" bIns="46589"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dt="0"/>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a:p>
            <a:r>
              <a:rPr lang="en-US" dirty="0"/>
              <a:t>**Added Introductions</a:t>
            </a:r>
            <a:r>
              <a:rPr lang="en-US" baseline="0" dirty="0"/>
              <a:t> in beginning**</a:t>
            </a:r>
            <a:endParaRPr lang="en-US" dirty="0"/>
          </a:p>
          <a:p>
            <a:endParaRPr lang="en-US" dirty="0"/>
          </a:p>
          <a:p>
            <a:r>
              <a:rPr lang="en-US" dirty="0"/>
              <a:t>OPENER COMMENT</a:t>
            </a:r>
            <a:r>
              <a:rPr lang="en-US" baseline="0" dirty="0"/>
              <a:t>S – ESI drawing on larger footprint of EN – DOD/DHA</a:t>
            </a:r>
            <a:endParaRPr lang="en-US" dirty="0"/>
          </a:p>
          <a:p>
            <a:endParaRPr lang="en-US" dirty="0"/>
          </a:p>
          <a:p>
            <a:r>
              <a:rPr lang="en-US" dirty="0"/>
              <a:t>Sarah Randolph, Pharmacist at Express Scripts.</a:t>
            </a:r>
          </a:p>
          <a:p>
            <a:endParaRPr lang="en-US" dirty="0"/>
          </a:p>
          <a:p>
            <a:r>
              <a:rPr lang="en-US" dirty="0"/>
              <a:t>Talking today about Health Equity and how we can utilize Social Determinants of Health criteria and scoring to improve patient care.</a:t>
            </a:r>
          </a:p>
          <a:p>
            <a:endParaRPr lang="en-US" dirty="0"/>
          </a:p>
          <a:p>
            <a:r>
              <a:rPr lang="en-US" dirty="0"/>
              <a:t>@ Main stage at Purdue Vet Conference in Oct, – Dr. Jerome Adams – Former US surgeon general, talked about Health Equity from a global lens, how we are working to coordinate care and improve health opportunities for those with barriers. Spoke with him 1:1</a:t>
            </a:r>
            <a:r>
              <a:rPr lang="en-US" baseline="0" dirty="0"/>
              <a:t> afterwards</a:t>
            </a:r>
            <a:endParaRPr lang="en-US" dirty="0"/>
          </a:p>
          <a:p>
            <a:endParaRPr lang="en-US" dirty="0"/>
          </a:p>
          <a:p>
            <a:r>
              <a:rPr lang="en-US" dirty="0"/>
              <a:t>Fortuitous to run into that – Spent the last several years working on various projects at Express Scripts and Cigna, working to integrate SDOH data, and how to share what we can DO with it</a:t>
            </a:r>
            <a:r>
              <a:rPr lang="en-US" baseline="0" dirty="0"/>
              <a:t> to improve health disparities in our populations</a:t>
            </a:r>
          </a:p>
          <a:p>
            <a:endParaRPr lang="en-US" baseline="0" dirty="0"/>
          </a:p>
          <a:p>
            <a:r>
              <a:rPr lang="en-US" baseline="0" dirty="0"/>
              <a:t>**Jerome Adams, MD:</a:t>
            </a:r>
          </a:p>
          <a:p>
            <a:r>
              <a:rPr lang="en-US" baseline="0" dirty="0"/>
              <a:t>2014-2017 US Surgeon General</a:t>
            </a:r>
          </a:p>
          <a:p>
            <a:r>
              <a:rPr lang="en-US" baseline="0" dirty="0"/>
              <a:t>Focus on Opioid Epidemic (OTC </a:t>
            </a:r>
            <a:r>
              <a:rPr lang="en-US" baseline="0" dirty="0" err="1"/>
              <a:t>Narcan</a:t>
            </a:r>
            <a:r>
              <a:rPr lang="en-US" baseline="0" dirty="0"/>
              <a:t>) and Health Equity overall</a:t>
            </a:r>
          </a:p>
          <a:p>
            <a:r>
              <a:rPr lang="en-US" baseline="0" dirty="0"/>
              <a:t>Now at Purdue U, Exec Dir of Health Equity Initiatives</a:t>
            </a:r>
            <a:endParaRPr lang="en-US" dirty="0"/>
          </a:p>
          <a:p>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1</a:t>
            </a:fld>
            <a:endParaRPr lang="en-GB"/>
          </a:p>
        </p:txBody>
      </p:sp>
      <p:sp>
        <p:nvSpPr>
          <p:cNvPr id="5" name="Footer Placeholder 4"/>
          <p:cNvSpPr>
            <a:spLocks noGrp="1"/>
          </p:cNvSpPr>
          <p:nvPr>
            <p:ph type="ftr" sz="quarter" idx="11"/>
          </p:nvPr>
        </p:nvSpPr>
        <p:spPr/>
        <p:txBody>
          <a:bodyPr/>
          <a:lstStyle/>
          <a:p>
            <a:endParaRPr lang="en-GB"/>
          </a:p>
        </p:txBody>
      </p:sp>
      <p:sp>
        <p:nvSpPr>
          <p:cNvPr id="6" name="Header Placeholder 5"/>
          <p:cNvSpPr>
            <a:spLocks noGrp="1"/>
          </p:cNvSpPr>
          <p:nvPr>
            <p:ph type="hdr" sz="quarter" idx="12"/>
          </p:nvPr>
        </p:nvSpPr>
        <p:spPr/>
        <p:txBody>
          <a:bodyPr/>
          <a:lstStyle/>
          <a:p>
            <a:endParaRPr lang="en-GB"/>
          </a:p>
        </p:txBody>
      </p:sp>
    </p:spTree>
    <p:extLst>
      <p:ext uri="{BB962C8B-B14F-4D97-AF65-F5344CB8AC3E}">
        <p14:creationId xmlns:p14="http://schemas.microsoft.com/office/powerpoint/2010/main" val="360916976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o now we know, why</a:t>
            </a:r>
            <a:r>
              <a:rPr lang="en-US" baseline="0" dirty="0"/>
              <a:t> it’s important to address health inequities, and the correlation between SDI Index scoring and disease prevalence  - how do we apply this in our day to day? And this is where I put on my Product development has, as I’ve spend the last few years at Express Scripts working on a data integration program called Health Connect 360 where we’re worked to bring this data in the hub</a:t>
            </a:r>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10</a:t>
            </a:fld>
            <a:endParaRPr lang="en-GB"/>
          </a:p>
        </p:txBody>
      </p:sp>
      <p:sp>
        <p:nvSpPr>
          <p:cNvPr id="5" name="Footer Placeholder 4"/>
          <p:cNvSpPr>
            <a:spLocks noGrp="1"/>
          </p:cNvSpPr>
          <p:nvPr>
            <p:ph type="ftr" sz="quarter" idx="11"/>
          </p:nvPr>
        </p:nvSpPr>
        <p:spPr/>
        <p:txBody>
          <a:bodyPr/>
          <a:lstStyle/>
          <a:p>
            <a:endParaRPr lang="en-GB"/>
          </a:p>
        </p:txBody>
      </p:sp>
      <p:sp>
        <p:nvSpPr>
          <p:cNvPr id="6" name="Header Placeholder 5"/>
          <p:cNvSpPr>
            <a:spLocks noGrp="1"/>
          </p:cNvSpPr>
          <p:nvPr>
            <p:ph type="hdr" sz="quarter" idx="12"/>
          </p:nvPr>
        </p:nvSpPr>
        <p:spPr/>
        <p:txBody>
          <a:bodyPr/>
          <a:lstStyle/>
          <a:p>
            <a:endParaRPr lang="en-GB"/>
          </a:p>
        </p:txBody>
      </p:sp>
    </p:spTree>
    <p:extLst>
      <p:ext uri="{BB962C8B-B14F-4D97-AF65-F5344CB8AC3E}">
        <p14:creationId xmlns:p14="http://schemas.microsoft.com/office/powerpoint/2010/main" val="145613606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1675" y="466725"/>
            <a:ext cx="5607050" cy="3154363"/>
          </a:xfrm>
        </p:spPr>
      </p:sp>
      <p:sp>
        <p:nvSpPr>
          <p:cNvPr id="3" name="Notes Placeholder 2"/>
          <p:cNvSpPr>
            <a:spLocks noGrp="1"/>
          </p:cNvSpPr>
          <p:nvPr>
            <p:ph type="body" idx="1"/>
          </p:nvPr>
        </p:nvSpPr>
        <p:spPr/>
        <p:txBody>
          <a:bodyPr/>
          <a:lstStyle/>
          <a:p>
            <a:r>
              <a:rPr lang="en-US" sz="1000" dirty="0"/>
              <a:t>And here is an image of that system, where within the patient profiles</a:t>
            </a:r>
            <a:r>
              <a:rPr lang="en-US" sz="1000" baseline="0" dirty="0"/>
              <a:t> and reporting, we display both a total SDI score as well as some individual contributing impacts within that index score. ‘</a:t>
            </a:r>
          </a:p>
          <a:p>
            <a:endParaRPr lang="en-US" sz="1000" baseline="0" dirty="0"/>
          </a:p>
          <a:p>
            <a:r>
              <a:rPr lang="en-US" sz="1000" baseline="0" dirty="0"/>
              <a:t>HC360 is a platform which services: </a:t>
            </a:r>
          </a:p>
          <a:p>
            <a:r>
              <a:rPr lang="en-US" sz="1000" baseline="0" dirty="0"/>
              <a:t>Care Coordination</a:t>
            </a:r>
          </a:p>
          <a:p>
            <a:r>
              <a:rPr lang="en-US" sz="1000" baseline="0" dirty="0"/>
              <a:t>Patient Profile</a:t>
            </a:r>
          </a:p>
          <a:p>
            <a:r>
              <a:rPr lang="en-US" sz="1000" baseline="0" dirty="0"/>
              <a:t>Rx, Medical, Lab, and Biometric data</a:t>
            </a:r>
          </a:p>
          <a:p>
            <a:r>
              <a:rPr lang="en-US" sz="1000" baseline="0" dirty="0"/>
              <a:t>Referral too to send information between care givers</a:t>
            </a:r>
          </a:p>
          <a:p>
            <a:endParaRPr lang="en-US" sz="1000" baseline="0" dirty="0"/>
          </a:p>
          <a:p>
            <a:r>
              <a:rPr lang="en-US" sz="1000" baseline="0" dirty="0"/>
              <a:t>Recently added SDI information – both total index and per individual social determinant criteria</a:t>
            </a:r>
            <a:endParaRPr lang="en-US" sz="1000" dirty="0"/>
          </a:p>
        </p:txBody>
      </p:sp>
      <p:sp>
        <p:nvSpPr>
          <p:cNvPr id="5" name="Slide Number Placeholder 4"/>
          <p:cNvSpPr>
            <a:spLocks noGrp="1"/>
          </p:cNvSpPr>
          <p:nvPr>
            <p:ph type="sldNum" sz="quarter" idx="11"/>
          </p:nvPr>
        </p:nvSpPr>
        <p:spPr/>
        <p:txBody>
          <a:bodyPr/>
          <a:lstStyle/>
          <a:p>
            <a:fld id="{DECE3B9E-6574-462E-B6D1-39C8693FFF93}" type="slidenum">
              <a:rPr lang="en-US" altLang="en-US" smtClean="0"/>
              <a:pPr/>
              <a:t>11</a:t>
            </a:fld>
            <a:endParaRPr lang="en-US" altLang="en-US"/>
          </a:p>
        </p:txBody>
      </p:sp>
    </p:spTree>
    <p:extLst>
      <p:ext uri="{BB962C8B-B14F-4D97-AF65-F5344CB8AC3E}">
        <p14:creationId xmlns:p14="http://schemas.microsoft.com/office/powerpoint/2010/main" val="191396523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1675" y="466725"/>
            <a:ext cx="5607050" cy="3154363"/>
          </a:xfrm>
        </p:spPr>
      </p:sp>
      <p:sp>
        <p:nvSpPr>
          <p:cNvPr id="3" name="Notes Placeholder 2"/>
          <p:cNvSpPr>
            <a:spLocks noGrp="1"/>
          </p:cNvSpPr>
          <p:nvPr>
            <p:ph type="body" idx="1"/>
          </p:nvPr>
        </p:nvSpPr>
        <p:spPr/>
        <p:txBody>
          <a:bodyPr/>
          <a:lstStyle/>
          <a:p>
            <a:r>
              <a:rPr lang="en-US" sz="1000" dirty="0"/>
              <a:t>And here is an image of that system, where within the patient profiles</a:t>
            </a:r>
            <a:r>
              <a:rPr lang="en-US" sz="1000" baseline="0" dirty="0"/>
              <a:t> and reporting, we display both a total SDI score as well as some individual contributing impacts within that index score. ‘</a:t>
            </a:r>
          </a:p>
          <a:p>
            <a:endParaRPr lang="en-US" sz="1000" baseline="0" dirty="0"/>
          </a:p>
          <a:p>
            <a:r>
              <a:rPr lang="en-US" sz="1000" baseline="0" dirty="0"/>
              <a:t>HC360 is a platform which services: </a:t>
            </a:r>
          </a:p>
          <a:p>
            <a:r>
              <a:rPr lang="en-US" sz="1000" baseline="0" dirty="0"/>
              <a:t>Care Coordination</a:t>
            </a:r>
          </a:p>
          <a:p>
            <a:r>
              <a:rPr lang="en-US" sz="1000" baseline="0" dirty="0"/>
              <a:t>Patient Profile</a:t>
            </a:r>
          </a:p>
          <a:p>
            <a:r>
              <a:rPr lang="en-US" sz="1000" baseline="0" dirty="0"/>
              <a:t>Rx, Medical, Lab, and Biometric data</a:t>
            </a:r>
          </a:p>
          <a:p>
            <a:r>
              <a:rPr lang="en-US" sz="1000" baseline="0" dirty="0"/>
              <a:t>Referral too to send information between care givers</a:t>
            </a:r>
          </a:p>
          <a:p>
            <a:endParaRPr lang="en-US" sz="1000" baseline="0" dirty="0"/>
          </a:p>
          <a:p>
            <a:r>
              <a:rPr lang="en-US" sz="1000" baseline="0" dirty="0"/>
              <a:t>Recently added SDI information – both total index and per individual social determinant criteria</a:t>
            </a:r>
            <a:endParaRPr lang="en-US" sz="1000" dirty="0"/>
          </a:p>
        </p:txBody>
      </p:sp>
      <p:sp>
        <p:nvSpPr>
          <p:cNvPr id="5" name="Slide Number Placeholder 4"/>
          <p:cNvSpPr>
            <a:spLocks noGrp="1"/>
          </p:cNvSpPr>
          <p:nvPr>
            <p:ph type="sldNum" sz="quarter" idx="11"/>
          </p:nvPr>
        </p:nvSpPr>
        <p:spPr/>
        <p:txBody>
          <a:bodyPr/>
          <a:lstStyle/>
          <a:p>
            <a:fld id="{DECE3B9E-6574-462E-B6D1-39C8693FFF93}" type="slidenum">
              <a:rPr lang="en-US" altLang="en-US" smtClean="0"/>
              <a:pPr/>
              <a:t>12</a:t>
            </a:fld>
            <a:endParaRPr lang="en-US" altLang="en-US"/>
          </a:p>
        </p:txBody>
      </p:sp>
    </p:spTree>
    <p:extLst>
      <p:ext uri="{BB962C8B-B14F-4D97-AF65-F5344CB8AC3E}">
        <p14:creationId xmlns:p14="http://schemas.microsoft.com/office/powerpoint/2010/main" val="116254937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1675" y="466725"/>
            <a:ext cx="5607050" cy="3154363"/>
          </a:xfrm>
        </p:spPr>
      </p:sp>
      <p:sp>
        <p:nvSpPr>
          <p:cNvPr id="3" name="Notes Placeholder 2"/>
          <p:cNvSpPr>
            <a:spLocks noGrp="1"/>
          </p:cNvSpPr>
          <p:nvPr>
            <p:ph type="body" idx="1"/>
          </p:nvPr>
        </p:nvSpPr>
        <p:spPr/>
        <p:txBody>
          <a:bodyPr/>
          <a:lstStyle/>
          <a:p>
            <a:r>
              <a:rPr lang="en-US" sz="1000" dirty="0"/>
              <a:t>And here is an image of that system, where within the patient profiles</a:t>
            </a:r>
            <a:r>
              <a:rPr lang="en-US" sz="1000" baseline="0" dirty="0"/>
              <a:t> and reporting, we display both a total SDI score as well as some individual contributing impacts within that index score. ‘</a:t>
            </a:r>
          </a:p>
          <a:p>
            <a:endParaRPr lang="en-US" sz="1000" baseline="0" dirty="0"/>
          </a:p>
          <a:p>
            <a:r>
              <a:rPr lang="en-US" sz="1000" baseline="0" dirty="0"/>
              <a:t>HC360 is a platform which services: </a:t>
            </a:r>
          </a:p>
          <a:p>
            <a:r>
              <a:rPr lang="en-US" sz="1000" baseline="0" dirty="0"/>
              <a:t>Care Coordination</a:t>
            </a:r>
          </a:p>
          <a:p>
            <a:r>
              <a:rPr lang="en-US" sz="1000" baseline="0" dirty="0"/>
              <a:t>Patient Profile</a:t>
            </a:r>
          </a:p>
          <a:p>
            <a:r>
              <a:rPr lang="en-US" sz="1000" baseline="0" dirty="0"/>
              <a:t>Rx, Medical, Lab, and Biometric data</a:t>
            </a:r>
          </a:p>
          <a:p>
            <a:r>
              <a:rPr lang="en-US" sz="1000" baseline="0" dirty="0"/>
              <a:t>Referral too to send information between care givers</a:t>
            </a:r>
          </a:p>
          <a:p>
            <a:endParaRPr lang="en-US" sz="1000" baseline="0" dirty="0"/>
          </a:p>
          <a:p>
            <a:r>
              <a:rPr lang="en-US" sz="1000" baseline="0" dirty="0"/>
              <a:t>Recently added SDI information – both total index and per individual social determinant criteria</a:t>
            </a:r>
            <a:endParaRPr lang="en-US" sz="1000" dirty="0"/>
          </a:p>
        </p:txBody>
      </p:sp>
      <p:sp>
        <p:nvSpPr>
          <p:cNvPr id="5" name="Slide Number Placeholder 4"/>
          <p:cNvSpPr>
            <a:spLocks noGrp="1"/>
          </p:cNvSpPr>
          <p:nvPr>
            <p:ph type="sldNum" sz="quarter" idx="11"/>
          </p:nvPr>
        </p:nvSpPr>
        <p:spPr/>
        <p:txBody>
          <a:bodyPr/>
          <a:lstStyle/>
          <a:p>
            <a:fld id="{DECE3B9E-6574-462E-B6D1-39C8693FFF93}" type="slidenum">
              <a:rPr lang="en-US" altLang="en-US" smtClean="0"/>
              <a:pPr/>
              <a:t>13</a:t>
            </a:fld>
            <a:endParaRPr lang="en-US" altLang="en-US"/>
          </a:p>
        </p:txBody>
      </p:sp>
    </p:spTree>
    <p:extLst>
      <p:ext uri="{BB962C8B-B14F-4D97-AF65-F5344CB8AC3E}">
        <p14:creationId xmlns:p14="http://schemas.microsoft.com/office/powerpoint/2010/main" val="179594598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1675" y="466725"/>
            <a:ext cx="5607050" cy="3154363"/>
          </a:xfrm>
        </p:spPr>
      </p:sp>
      <p:sp>
        <p:nvSpPr>
          <p:cNvPr id="3" name="Notes Placeholder 2"/>
          <p:cNvSpPr>
            <a:spLocks noGrp="1"/>
          </p:cNvSpPr>
          <p:nvPr>
            <p:ph type="body" idx="1"/>
          </p:nvPr>
        </p:nvSpPr>
        <p:spPr/>
        <p:txBody>
          <a:bodyPr/>
          <a:lstStyle/>
          <a:p>
            <a:r>
              <a:rPr lang="en-US" sz="1000" dirty="0"/>
              <a:t>And here is an image of that system, where within the patient profiles</a:t>
            </a:r>
            <a:r>
              <a:rPr lang="en-US" sz="1000" baseline="0" dirty="0"/>
              <a:t> and reporting, we display both a total SDI score as well as some individual contributing impacts within that index score. ‘</a:t>
            </a:r>
          </a:p>
          <a:p>
            <a:endParaRPr lang="en-US" sz="1000" baseline="0" dirty="0"/>
          </a:p>
          <a:p>
            <a:r>
              <a:rPr lang="en-US" sz="1000" baseline="0" dirty="0"/>
              <a:t>HC360 is a platform which services: </a:t>
            </a:r>
          </a:p>
          <a:p>
            <a:r>
              <a:rPr lang="en-US" sz="1000" baseline="0" dirty="0"/>
              <a:t>Care Coordination</a:t>
            </a:r>
          </a:p>
          <a:p>
            <a:r>
              <a:rPr lang="en-US" sz="1000" baseline="0" dirty="0"/>
              <a:t>Patient Profile</a:t>
            </a:r>
          </a:p>
          <a:p>
            <a:r>
              <a:rPr lang="en-US" sz="1000" baseline="0" dirty="0"/>
              <a:t>Rx, Medical, Lab, and Biometric data</a:t>
            </a:r>
          </a:p>
          <a:p>
            <a:r>
              <a:rPr lang="en-US" sz="1000" baseline="0" dirty="0"/>
              <a:t>Referral too to send information between care givers</a:t>
            </a:r>
          </a:p>
          <a:p>
            <a:endParaRPr lang="en-US" sz="1000" baseline="0" dirty="0"/>
          </a:p>
          <a:p>
            <a:r>
              <a:rPr lang="en-US" sz="1000" baseline="0" dirty="0"/>
              <a:t>Recently added SDI information – both total index and per individual social determinant criteria</a:t>
            </a:r>
            <a:endParaRPr lang="en-US" sz="1000" dirty="0"/>
          </a:p>
        </p:txBody>
      </p:sp>
      <p:sp>
        <p:nvSpPr>
          <p:cNvPr id="5" name="Slide Number Placeholder 4"/>
          <p:cNvSpPr>
            <a:spLocks noGrp="1"/>
          </p:cNvSpPr>
          <p:nvPr>
            <p:ph type="sldNum" sz="quarter" idx="11"/>
          </p:nvPr>
        </p:nvSpPr>
        <p:spPr/>
        <p:txBody>
          <a:bodyPr/>
          <a:lstStyle/>
          <a:p>
            <a:fld id="{DECE3B9E-6574-462E-B6D1-39C8693FFF93}" type="slidenum">
              <a:rPr lang="en-US" altLang="en-US" smtClean="0"/>
              <a:pPr/>
              <a:t>14</a:t>
            </a:fld>
            <a:endParaRPr lang="en-US" altLang="en-US"/>
          </a:p>
        </p:txBody>
      </p:sp>
    </p:spTree>
    <p:extLst>
      <p:ext uri="{BB962C8B-B14F-4D97-AF65-F5344CB8AC3E}">
        <p14:creationId xmlns:p14="http://schemas.microsoft.com/office/powerpoint/2010/main" val="191913833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1675" y="466725"/>
            <a:ext cx="5607050" cy="3154363"/>
          </a:xfrm>
        </p:spPr>
      </p:sp>
      <p:sp>
        <p:nvSpPr>
          <p:cNvPr id="3" name="Notes Placeholder 2"/>
          <p:cNvSpPr>
            <a:spLocks noGrp="1"/>
          </p:cNvSpPr>
          <p:nvPr>
            <p:ph type="body" idx="1"/>
          </p:nvPr>
        </p:nvSpPr>
        <p:spPr/>
        <p:txBody>
          <a:bodyPr/>
          <a:lstStyle/>
          <a:p>
            <a:r>
              <a:rPr lang="en-US" sz="1000" dirty="0"/>
              <a:t>And here is an image of that system, where within the patient profiles</a:t>
            </a:r>
            <a:r>
              <a:rPr lang="en-US" sz="1000" baseline="0" dirty="0"/>
              <a:t> and reporting, we display both a total SDI score as well as some individual contributing impacts within that index score. ‘</a:t>
            </a:r>
          </a:p>
          <a:p>
            <a:endParaRPr lang="en-US" sz="1000" baseline="0" dirty="0"/>
          </a:p>
          <a:p>
            <a:r>
              <a:rPr lang="en-US" sz="1000" baseline="0" dirty="0"/>
              <a:t>HC360 is a platform which services: </a:t>
            </a:r>
          </a:p>
          <a:p>
            <a:r>
              <a:rPr lang="en-US" sz="1000" baseline="0" dirty="0"/>
              <a:t>Care Coordination</a:t>
            </a:r>
          </a:p>
          <a:p>
            <a:r>
              <a:rPr lang="en-US" sz="1000" baseline="0" dirty="0"/>
              <a:t>Patient Profile</a:t>
            </a:r>
          </a:p>
          <a:p>
            <a:r>
              <a:rPr lang="en-US" sz="1000" baseline="0" dirty="0"/>
              <a:t>Rx, Medical, Lab, and Biometric data</a:t>
            </a:r>
          </a:p>
          <a:p>
            <a:r>
              <a:rPr lang="en-US" sz="1000" baseline="0" dirty="0"/>
              <a:t>Referral too to send information between care givers</a:t>
            </a:r>
          </a:p>
          <a:p>
            <a:endParaRPr lang="en-US" sz="1000" baseline="0" dirty="0"/>
          </a:p>
          <a:p>
            <a:r>
              <a:rPr lang="en-US" sz="1000" baseline="0" dirty="0"/>
              <a:t>Recently added SDI information – both total index and per individual social determinant criteria</a:t>
            </a:r>
            <a:endParaRPr lang="en-US" sz="1000" dirty="0"/>
          </a:p>
        </p:txBody>
      </p:sp>
      <p:sp>
        <p:nvSpPr>
          <p:cNvPr id="5" name="Slide Number Placeholder 4"/>
          <p:cNvSpPr>
            <a:spLocks noGrp="1"/>
          </p:cNvSpPr>
          <p:nvPr>
            <p:ph type="sldNum" sz="quarter" idx="11"/>
          </p:nvPr>
        </p:nvSpPr>
        <p:spPr/>
        <p:txBody>
          <a:bodyPr/>
          <a:lstStyle/>
          <a:p>
            <a:fld id="{DECE3B9E-6574-462E-B6D1-39C8693FFF93}" type="slidenum">
              <a:rPr lang="en-US" altLang="en-US" smtClean="0"/>
              <a:pPr/>
              <a:t>15</a:t>
            </a:fld>
            <a:endParaRPr lang="en-US" altLang="en-US"/>
          </a:p>
        </p:txBody>
      </p:sp>
    </p:spTree>
    <p:extLst>
      <p:ext uri="{BB962C8B-B14F-4D97-AF65-F5344CB8AC3E}">
        <p14:creationId xmlns:p14="http://schemas.microsoft.com/office/powerpoint/2010/main" val="189484884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o now we know, why</a:t>
            </a:r>
            <a:r>
              <a:rPr lang="en-US" baseline="0" dirty="0"/>
              <a:t> it’s important to address health inequities, and the correlation between SDI Index scoring and disease prevalence  - how do we apply this in our day to day? And this is where I put on my Product development has, as I’ve spend the last few years at Express Scripts working on a data integration program called Health Connect 360 where we’re worked to bring this data in the hub</a:t>
            </a:r>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16</a:t>
            </a:fld>
            <a:endParaRPr lang="en-GB"/>
          </a:p>
        </p:txBody>
      </p:sp>
      <p:sp>
        <p:nvSpPr>
          <p:cNvPr id="5" name="Footer Placeholder 4"/>
          <p:cNvSpPr>
            <a:spLocks noGrp="1"/>
          </p:cNvSpPr>
          <p:nvPr>
            <p:ph type="ftr" sz="quarter" idx="11"/>
          </p:nvPr>
        </p:nvSpPr>
        <p:spPr/>
        <p:txBody>
          <a:bodyPr/>
          <a:lstStyle/>
          <a:p>
            <a:endParaRPr lang="en-GB"/>
          </a:p>
        </p:txBody>
      </p:sp>
      <p:sp>
        <p:nvSpPr>
          <p:cNvPr id="6" name="Header Placeholder 5"/>
          <p:cNvSpPr>
            <a:spLocks noGrp="1"/>
          </p:cNvSpPr>
          <p:nvPr>
            <p:ph type="hdr" sz="quarter" idx="12"/>
          </p:nvPr>
        </p:nvSpPr>
        <p:spPr/>
        <p:txBody>
          <a:bodyPr/>
          <a:lstStyle/>
          <a:p>
            <a:endParaRPr lang="en-GB"/>
          </a:p>
        </p:txBody>
      </p:sp>
    </p:spTree>
    <p:extLst>
      <p:ext uri="{BB962C8B-B14F-4D97-AF65-F5344CB8AC3E}">
        <p14:creationId xmlns:p14="http://schemas.microsoft.com/office/powerpoint/2010/main" val="88240063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o we have the data, we have the tool</a:t>
            </a:r>
            <a:r>
              <a:rPr lang="en-US" baseline="0" dirty="0"/>
              <a:t> and the reports, how do we bring that to reality?</a:t>
            </a:r>
          </a:p>
          <a:p>
            <a:endParaRPr lang="en-US" baseline="0" dirty="0"/>
          </a:p>
          <a:p>
            <a:r>
              <a:rPr lang="en-US" baseline="0" dirty="0"/>
              <a:t>We test and learn with clinical use cases</a:t>
            </a:r>
          </a:p>
          <a:p>
            <a:r>
              <a:rPr lang="en-US" baseline="0" dirty="0"/>
              <a:t>Adherence to medication took a toll during COVID – Particularly in the respiratory space</a:t>
            </a:r>
          </a:p>
          <a:p>
            <a:r>
              <a:rPr lang="en-US" baseline="0" dirty="0"/>
              <a:t>Most of us here familiar with controller medications for asthma and COPD – </a:t>
            </a:r>
          </a:p>
          <a:p>
            <a:r>
              <a:rPr lang="en-US" baseline="0" dirty="0"/>
              <a:t>Impact to need of rescue inhalers and ER visits from asthma exacerbations</a:t>
            </a:r>
            <a:endParaRPr lang="en-US" dirty="0"/>
          </a:p>
          <a:p>
            <a:endParaRPr lang="en-US" dirty="0"/>
          </a:p>
          <a:p>
            <a:r>
              <a:rPr lang="en-US" dirty="0"/>
              <a:t>https://www.ncbi.nlm.nih.gov/pmc/articles/PMC9741303/</a:t>
            </a:r>
          </a:p>
          <a:p>
            <a:endParaRPr lang="en-US" dirty="0"/>
          </a:p>
          <a:p>
            <a:r>
              <a:rPr lang="en-US" dirty="0"/>
              <a:t>How can we help improve adherence which</a:t>
            </a:r>
            <a:r>
              <a:rPr lang="en-US" baseline="0" dirty="0"/>
              <a:t> will in turn prevent disease progression and reduce exacerbations?</a:t>
            </a:r>
            <a:endParaRPr lang="en-US" dirty="0"/>
          </a:p>
          <a:p>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17</a:t>
            </a:fld>
            <a:endParaRPr lang="en-GB"/>
          </a:p>
        </p:txBody>
      </p:sp>
      <p:sp>
        <p:nvSpPr>
          <p:cNvPr id="5" name="Footer Placeholder 4"/>
          <p:cNvSpPr>
            <a:spLocks noGrp="1"/>
          </p:cNvSpPr>
          <p:nvPr>
            <p:ph type="ftr" sz="quarter" idx="11"/>
          </p:nvPr>
        </p:nvSpPr>
        <p:spPr/>
        <p:txBody>
          <a:bodyPr/>
          <a:lstStyle/>
          <a:p>
            <a:endParaRPr lang="en-GB"/>
          </a:p>
        </p:txBody>
      </p:sp>
      <p:sp>
        <p:nvSpPr>
          <p:cNvPr id="6" name="Header Placeholder 5"/>
          <p:cNvSpPr>
            <a:spLocks noGrp="1"/>
          </p:cNvSpPr>
          <p:nvPr>
            <p:ph type="hdr" sz="quarter" idx="12"/>
          </p:nvPr>
        </p:nvSpPr>
        <p:spPr/>
        <p:txBody>
          <a:bodyPr/>
          <a:lstStyle/>
          <a:p>
            <a:endParaRPr lang="en-GB"/>
          </a:p>
        </p:txBody>
      </p:sp>
    </p:spTree>
    <p:extLst>
      <p:ext uri="{BB962C8B-B14F-4D97-AF65-F5344CB8AC3E}">
        <p14:creationId xmlns:p14="http://schemas.microsoft.com/office/powerpoint/2010/main" val="385857749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286" rtl="0" eaLnBrk="1" fontAlgn="auto" latinLnBrk="0" hangingPunct="1">
              <a:lnSpc>
                <a:spcPct val="100000"/>
              </a:lnSpc>
              <a:spcBef>
                <a:spcPts val="0"/>
              </a:spcBef>
              <a:spcAft>
                <a:spcPts val="0"/>
              </a:spcAft>
              <a:buClrTx/>
              <a:buSzTx/>
              <a:buFontTx/>
              <a:buNone/>
              <a:tabLst/>
              <a:defRPr/>
            </a:pPr>
            <a:r>
              <a:rPr lang="en-US" baseline="0" dirty="0"/>
              <a:t>We ran an intuitive earlier this year with a federal client where we wanted to try to help influence this pulmonary medication adherence situation </a:t>
            </a:r>
          </a:p>
          <a:p>
            <a:pPr marL="0" marR="0" lvl="0" indent="0" algn="l" defTabSz="914286" rtl="0" eaLnBrk="1" fontAlgn="auto" latinLnBrk="0" hangingPunct="1">
              <a:lnSpc>
                <a:spcPct val="100000"/>
              </a:lnSpc>
              <a:spcBef>
                <a:spcPts val="0"/>
              </a:spcBef>
              <a:spcAft>
                <a:spcPts val="0"/>
              </a:spcAft>
              <a:buClrTx/>
              <a:buSzTx/>
              <a:buFontTx/>
              <a:buNone/>
              <a:tabLst/>
              <a:defRPr/>
            </a:pPr>
            <a:endParaRPr lang="en-US" sz="1200" kern="1200" dirty="0">
              <a:solidFill>
                <a:schemeClr val="tx1"/>
              </a:solidFill>
              <a:effectLst/>
              <a:latin typeface="+mn-lt"/>
              <a:ea typeface="+mn-ea"/>
              <a:cs typeface="+mn-cs"/>
            </a:endParaRPr>
          </a:p>
          <a:p>
            <a:pPr marL="0" marR="0" lvl="0" indent="0" algn="l" defTabSz="914286" rtl="0" eaLnBrk="1" fontAlgn="auto" latinLnBrk="0" hangingPunct="1">
              <a:lnSpc>
                <a:spcPct val="100000"/>
              </a:lnSpc>
              <a:spcBef>
                <a:spcPts val="0"/>
              </a:spcBef>
              <a:spcAft>
                <a:spcPts val="0"/>
              </a:spcAft>
              <a:buClrTx/>
              <a:buSzTx/>
              <a:buFontTx/>
              <a:buNone/>
              <a:tabLst/>
              <a:defRPr/>
            </a:pPr>
            <a:endParaRPr lang="en-US" sz="1200" kern="1200" dirty="0">
              <a:solidFill>
                <a:schemeClr val="tx1"/>
              </a:solidFill>
              <a:effectLst/>
              <a:latin typeface="+mn-lt"/>
              <a:ea typeface="+mn-ea"/>
              <a:cs typeface="+mn-cs"/>
            </a:endParaRP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dirty="0">
                <a:solidFill>
                  <a:schemeClr val="tx1"/>
                </a:solidFill>
                <a:effectLst/>
                <a:latin typeface="+mn-lt"/>
                <a:ea typeface="+mn-ea"/>
                <a:cs typeface="+mn-cs"/>
              </a:rPr>
              <a:t>Identified patients</a:t>
            </a:r>
            <a:r>
              <a:rPr lang="en-US" sz="1200" kern="1200" baseline="0" dirty="0">
                <a:solidFill>
                  <a:schemeClr val="tx1"/>
                </a:solidFill>
                <a:effectLst/>
                <a:latin typeface="+mn-lt"/>
                <a:ea typeface="+mn-ea"/>
                <a:cs typeface="+mn-cs"/>
              </a:rPr>
              <a:t> </a:t>
            </a:r>
            <a:r>
              <a:rPr lang="en-US" sz="1200" kern="1200" dirty="0">
                <a:solidFill>
                  <a:schemeClr val="tx1"/>
                </a:solidFill>
                <a:effectLst/>
                <a:latin typeface="+mn-lt"/>
                <a:ea typeface="+mn-ea"/>
                <a:cs typeface="+mn-cs"/>
              </a:rPr>
              <a:t>filling a 30 or 60 day supply for </a:t>
            </a:r>
            <a:r>
              <a:rPr lang="en-US" sz="1200" kern="1200" dirty="0" err="1">
                <a:solidFill>
                  <a:schemeClr val="tx1"/>
                </a:solidFill>
                <a:effectLst/>
                <a:latin typeface="+mn-lt"/>
                <a:ea typeface="+mn-ea"/>
                <a:cs typeface="+mn-cs"/>
              </a:rPr>
              <a:t>Trelegy</a:t>
            </a:r>
            <a:r>
              <a:rPr lang="en-US" sz="1200" kern="1200" dirty="0">
                <a:solidFill>
                  <a:schemeClr val="tx1"/>
                </a:solidFill>
                <a:effectLst/>
                <a:latin typeface="+mn-lt"/>
                <a:ea typeface="+mn-ea"/>
                <a:cs typeface="+mn-cs"/>
              </a:rPr>
              <a:t> </a:t>
            </a:r>
            <a:r>
              <a:rPr lang="en-US" sz="1200" kern="1200" dirty="0" err="1">
                <a:solidFill>
                  <a:schemeClr val="tx1"/>
                </a:solidFill>
                <a:effectLst/>
                <a:latin typeface="+mn-lt"/>
                <a:ea typeface="+mn-ea"/>
                <a:cs typeface="+mn-cs"/>
              </a:rPr>
              <a:t>Ellipta</a:t>
            </a:r>
            <a:r>
              <a:rPr lang="en-US" sz="1200" kern="1200" dirty="0">
                <a:solidFill>
                  <a:schemeClr val="tx1"/>
                </a:solidFill>
                <a:effectLst/>
                <a:latin typeface="+mn-lt"/>
                <a:ea typeface="+mn-ea"/>
                <a:cs typeface="+mn-cs"/>
              </a:rPr>
              <a:t> or</a:t>
            </a:r>
            <a:r>
              <a:rPr lang="en-US" sz="1200" kern="1200" baseline="0" dirty="0">
                <a:solidFill>
                  <a:schemeClr val="tx1"/>
                </a:solidFill>
                <a:effectLst/>
                <a:latin typeface="+mn-lt"/>
                <a:ea typeface="+mn-ea"/>
                <a:cs typeface="+mn-cs"/>
              </a:rPr>
              <a:t> </a:t>
            </a:r>
            <a:r>
              <a:rPr lang="en-US" sz="1200" kern="1200" dirty="0">
                <a:solidFill>
                  <a:schemeClr val="tx1"/>
                </a:solidFill>
                <a:effectLst/>
                <a:latin typeface="+mn-lt"/>
                <a:ea typeface="+mn-ea"/>
                <a:cs typeface="+mn-cs"/>
              </a:rPr>
              <a:t>Advair HFA  - all controller medications – with POOR adherence</a:t>
            </a:r>
            <a:r>
              <a:rPr lang="en-US" sz="1200" kern="1200" baseline="0" dirty="0">
                <a:solidFill>
                  <a:schemeClr val="tx1"/>
                </a:solidFill>
                <a:effectLst/>
                <a:latin typeface="+mn-lt"/>
                <a:ea typeface="+mn-ea"/>
                <a:cs typeface="+mn-cs"/>
              </a:rPr>
              <a:t> in the last year (PDC under 80) </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Plan wanted to offer a </a:t>
            </a:r>
            <a:r>
              <a:rPr lang="en-US" sz="1200" kern="1200" dirty="0">
                <a:solidFill>
                  <a:schemeClr val="tx1"/>
                </a:solidFill>
                <a:effectLst/>
                <a:latin typeface="+mn-lt"/>
                <a:ea typeface="+mn-ea"/>
                <a:cs typeface="+mn-cs"/>
              </a:rPr>
              <a:t>90 DS for</a:t>
            </a:r>
            <a:r>
              <a:rPr lang="en-US" sz="1200" kern="1200" baseline="0" dirty="0">
                <a:solidFill>
                  <a:schemeClr val="tx1"/>
                </a:solidFill>
                <a:effectLst/>
                <a:latin typeface="+mn-lt"/>
                <a:ea typeface="+mn-ea"/>
                <a:cs typeface="+mn-cs"/>
              </a:rPr>
              <a:t> $4 less than a 30 DS</a:t>
            </a:r>
            <a:r>
              <a:rPr lang="en-US" sz="1200" kern="1200" dirty="0">
                <a:solidFill>
                  <a:schemeClr val="tx1"/>
                </a:solidFill>
                <a:effectLst/>
                <a:latin typeface="+mn-lt"/>
                <a:ea typeface="+mn-ea"/>
                <a:cs typeface="+mn-cs"/>
              </a:rPr>
              <a:t>. Aim to convert</a:t>
            </a:r>
            <a:r>
              <a:rPr lang="en-US" sz="1200" kern="1200" baseline="0" dirty="0">
                <a:solidFill>
                  <a:schemeClr val="tx1"/>
                </a:solidFill>
                <a:effectLst/>
                <a:latin typeface="+mn-lt"/>
                <a:ea typeface="+mn-ea"/>
                <a:cs typeface="+mn-cs"/>
              </a:rPr>
              <a:t> to 90 DS</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dirty="0">
                <a:solidFill>
                  <a:schemeClr val="tx1"/>
                </a:solidFill>
                <a:effectLst/>
                <a:latin typeface="+mn-lt"/>
                <a:ea typeface="+mn-ea"/>
                <a:cs typeface="+mn-cs"/>
              </a:rPr>
              <a:t>focus on members with high ECONOMIC SDI score,</a:t>
            </a:r>
            <a:r>
              <a:rPr lang="en-US" sz="1200" kern="1200" baseline="0" dirty="0">
                <a:solidFill>
                  <a:schemeClr val="tx1"/>
                </a:solidFill>
                <a:effectLst/>
                <a:latin typeface="+mn-lt"/>
                <a:ea typeface="+mn-ea"/>
                <a:cs typeface="+mn-cs"/>
              </a:rPr>
              <a:t> with the thought that these patients may be non-adherence due to economic/financial reasons.</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So, here we offer then a lesser cost for an extra 2 months of supply, in the hope that they will be able to afford to stay compliant with their maintenance medication.</a:t>
            </a:r>
            <a:endParaRPr lang="en-US" dirty="0"/>
          </a:p>
          <a:p>
            <a:endParaRPr lang="en-US" dirty="0"/>
          </a:p>
          <a:p>
            <a:r>
              <a:rPr lang="en-US" dirty="0"/>
              <a:t>Patients were</a:t>
            </a:r>
            <a:r>
              <a:rPr lang="en-US" baseline="0" dirty="0"/>
              <a:t> notified</a:t>
            </a:r>
            <a:r>
              <a:rPr lang="en-US" dirty="0"/>
              <a:t>, monitored for the 90 day fill request and improved adherence</a:t>
            </a:r>
          </a:p>
          <a:p>
            <a:endParaRPr lang="en-US" dirty="0"/>
          </a:p>
          <a:p>
            <a:r>
              <a:rPr lang="en-US" dirty="0"/>
              <a:t>_______</a:t>
            </a:r>
          </a:p>
          <a:p>
            <a:endParaRPr lang="en-US" dirty="0"/>
          </a:p>
          <a:p>
            <a:r>
              <a:rPr lang="en-US" sz="1200" kern="1200" dirty="0">
                <a:solidFill>
                  <a:schemeClr val="tx1"/>
                </a:solidFill>
                <a:effectLst/>
                <a:latin typeface="+mn-lt"/>
                <a:ea typeface="+mn-ea"/>
                <a:cs typeface="+mn-cs"/>
              </a:rPr>
              <a:t>Target population 571</a:t>
            </a:r>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8</a:t>
            </a:fld>
            <a:endParaRPr lang="en-US" dirty="0"/>
          </a:p>
        </p:txBody>
      </p:sp>
    </p:spTree>
    <p:extLst>
      <p:ext uri="{BB962C8B-B14F-4D97-AF65-F5344CB8AC3E}">
        <p14:creationId xmlns:p14="http://schemas.microsoft.com/office/powerpoint/2010/main" val="373987201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36%</a:t>
            </a:r>
            <a:r>
              <a:rPr lang="en-US" baseline="0" dirty="0"/>
              <a:t> member response rate – refilling medication at either 30 day or 90 day or received a new </a:t>
            </a:r>
            <a:r>
              <a:rPr lang="en-US" baseline="0" dirty="0" err="1"/>
              <a:t>rx</a:t>
            </a:r>
            <a:r>
              <a:rPr lang="en-US" baseline="0" dirty="0"/>
              <a:t> for new pulmonary controller medication (157 members) Out of those 157 members, 54 are now on a 90 day supply</a:t>
            </a:r>
          </a:p>
          <a:p>
            <a:endParaRPr lang="en-US" dirty="0"/>
          </a:p>
          <a:p>
            <a:r>
              <a:rPr lang="en-US" dirty="0"/>
              <a:t> There was a 37% response rate (members refilling their original day supply of meds or converting to 90 day supply). Then out of those members, the conversion rate to a 90ds was 41% of the members who refilled in response to the letter. Then I used the $1.06/day medical savings for every fill post the mail date to get to the 12.7k in savings. </a:t>
            </a:r>
          </a:p>
          <a:p>
            <a:endParaRPr lang="en-US" baseline="0" dirty="0"/>
          </a:p>
          <a:p>
            <a:r>
              <a:rPr lang="en-US" dirty="0"/>
              <a:t>Savings are due to generalize savings ($1.06 per day) realized because patient are adherence to preventative medications for asthma (vs not being adherent)</a:t>
            </a:r>
          </a:p>
          <a:p>
            <a:endParaRPr lang="en-US" baseline="0" dirty="0"/>
          </a:p>
          <a:p>
            <a:r>
              <a:rPr lang="en-US" baseline="0" dirty="0"/>
              <a:t>Long term follow up results still rolling in </a:t>
            </a:r>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9</a:t>
            </a:fld>
            <a:endParaRPr lang="en-US" dirty="0"/>
          </a:p>
        </p:txBody>
      </p:sp>
    </p:spTree>
    <p:extLst>
      <p:ext uri="{BB962C8B-B14F-4D97-AF65-F5344CB8AC3E}">
        <p14:creationId xmlns:p14="http://schemas.microsoft.com/office/powerpoint/2010/main" val="105382682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Describe picture – so important to understand how this works when designed our various clinical programs</a:t>
            </a:r>
          </a:p>
          <a:p>
            <a:r>
              <a:rPr lang="en-US" dirty="0"/>
              <a:t>If the people</a:t>
            </a:r>
            <a:r>
              <a:rPr lang="en-US" baseline="0" dirty="0"/>
              <a:t> are our patients, the boxes are our clinical outreach initiatives. </a:t>
            </a:r>
          </a:p>
          <a:p>
            <a:endParaRPr lang="en-US" dirty="0"/>
          </a:p>
          <a:p>
            <a:r>
              <a:rPr lang="en-US" dirty="0"/>
              <a:t>Equality is largely how our systems have worked until now – ID of a clinical trend with a standard outreach. ID patients with cardiovascular risks that SHOUD be on a statin, that aren’t – just outreach. Didn’t take into consideration other factors influencing the behind the scenes WHY…</a:t>
            </a: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baseline="0" dirty="0"/>
              <a:t>The standardized approach to outreaches can lead to health disparities: </a:t>
            </a:r>
            <a:endParaRPr lang="en-US" dirty="0"/>
          </a:p>
          <a:p>
            <a:r>
              <a:rPr lang="en-US" dirty="0"/>
              <a:t>Health disparity = “unavoidable and unfair difference in health status between segments of the population”</a:t>
            </a:r>
          </a:p>
          <a:p>
            <a:r>
              <a:rPr lang="en-US" dirty="0"/>
              <a:t>Negative impact to those in the pop that have obstacles based upon race, ethnicity, education, literacy etc.</a:t>
            </a:r>
          </a:p>
          <a:p>
            <a:endParaRPr lang="en-US" dirty="0"/>
          </a:p>
          <a:p>
            <a:r>
              <a:rPr lang="en-US" baseline="0" dirty="0"/>
              <a:t>Broaden</a:t>
            </a:r>
            <a:r>
              <a:rPr lang="en-US" dirty="0"/>
              <a:t> Horizons… Next page.</a:t>
            </a:r>
          </a:p>
          <a:p>
            <a:endParaRPr lang="en-US" baseline="0" dirty="0"/>
          </a:p>
          <a:p>
            <a:r>
              <a:rPr lang="en-US" baseline="0" dirty="0"/>
              <a:t>Reference to read to enhance talking points here:</a:t>
            </a:r>
          </a:p>
          <a:p>
            <a:r>
              <a:rPr lang="en-US" sz="1200" b="1" i="0" kern="1200" dirty="0">
                <a:solidFill>
                  <a:schemeClr val="tx1"/>
                </a:solidFill>
                <a:effectLst/>
                <a:latin typeface="+mn-lt"/>
                <a:ea typeface="+mn-ea"/>
                <a:cs typeface="+mn-cs"/>
              </a:rPr>
              <a:t>Diversity and Discrimination in Healthcare</a:t>
            </a:r>
          </a:p>
          <a:p>
            <a:r>
              <a:rPr lang="en-US" sz="1200" b="0" i="0" kern="1200" dirty="0">
                <a:solidFill>
                  <a:schemeClr val="tx1"/>
                </a:solidFill>
                <a:effectLst/>
                <a:latin typeface="+mn-lt"/>
                <a:ea typeface="+mn-ea"/>
                <a:cs typeface="+mn-cs"/>
              </a:rPr>
              <a:t>Brandon M. </a:t>
            </a:r>
            <a:r>
              <a:rPr lang="en-US" sz="1200" b="0" i="0" kern="1200" dirty="0" err="1">
                <a:solidFill>
                  <a:schemeClr val="tx1"/>
                </a:solidFill>
                <a:effectLst/>
                <a:latin typeface="+mn-lt"/>
                <a:ea typeface="+mn-ea"/>
                <a:cs typeface="+mn-cs"/>
              </a:rPr>
              <a:t>Togioka</a:t>
            </a:r>
            <a:r>
              <a:rPr lang="en-US" sz="1200" b="0" i="0" kern="1200" dirty="0">
                <a:solidFill>
                  <a:schemeClr val="tx1"/>
                </a:solidFill>
                <a:effectLst/>
                <a:latin typeface="+mn-lt"/>
                <a:ea typeface="+mn-ea"/>
                <a:cs typeface="+mn-cs"/>
              </a:rPr>
              <a:t>; Derick </a:t>
            </a:r>
            <a:r>
              <a:rPr lang="en-US" sz="1200" b="0" i="0" kern="1200" dirty="0" err="1">
                <a:solidFill>
                  <a:schemeClr val="tx1"/>
                </a:solidFill>
                <a:effectLst/>
                <a:latin typeface="+mn-lt"/>
                <a:ea typeface="+mn-ea"/>
                <a:cs typeface="+mn-cs"/>
              </a:rPr>
              <a:t>Duvivier</a:t>
            </a:r>
            <a:r>
              <a:rPr lang="en-US" sz="1200" b="0" i="0" kern="1200" dirty="0">
                <a:solidFill>
                  <a:schemeClr val="tx1"/>
                </a:solidFill>
                <a:effectLst/>
                <a:latin typeface="+mn-lt"/>
                <a:ea typeface="+mn-ea"/>
                <a:cs typeface="+mn-cs"/>
              </a:rPr>
              <a:t>; Emily Young.</a:t>
            </a:r>
          </a:p>
          <a:p>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2</a:t>
            </a:fld>
            <a:endParaRPr lang="en-GB"/>
          </a:p>
        </p:txBody>
      </p:sp>
      <p:sp>
        <p:nvSpPr>
          <p:cNvPr id="5" name="Footer Placeholder 4"/>
          <p:cNvSpPr>
            <a:spLocks noGrp="1"/>
          </p:cNvSpPr>
          <p:nvPr>
            <p:ph type="ftr" sz="quarter" idx="11"/>
          </p:nvPr>
        </p:nvSpPr>
        <p:spPr/>
        <p:txBody>
          <a:bodyPr/>
          <a:lstStyle/>
          <a:p>
            <a:endParaRPr lang="en-GB"/>
          </a:p>
        </p:txBody>
      </p:sp>
      <p:sp>
        <p:nvSpPr>
          <p:cNvPr id="6" name="Header Placeholder 5"/>
          <p:cNvSpPr>
            <a:spLocks noGrp="1"/>
          </p:cNvSpPr>
          <p:nvPr>
            <p:ph type="hdr" sz="quarter" idx="12"/>
          </p:nvPr>
        </p:nvSpPr>
        <p:spPr/>
        <p:txBody>
          <a:bodyPr/>
          <a:lstStyle/>
          <a:p>
            <a:endParaRPr lang="en-GB"/>
          </a:p>
        </p:txBody>
      </p:sp>
    </p:spTree>
    <p:extLst>
      <p:ext uri="{BB962C8B-B14F-4D97-AF65-F5344CB8AC3E}">
        <p14:creationId xmlns:p14="http://schemas.microsoft.com/office/powerpoint/2010/main" val="248625269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286" rtl="0" eaLnBrk="1" fontAlgn="auto" latinLnBrk="0" hangingPunct="1">
              <a:lnSpc>
                <a:spcPct val="100000"/>
              </a:lnSpc>
              <a:spcBef>
                <a:spcPts val="0"/>
              </a:spcBef>
              <a:spcAft>
                <a:spcPts val="0"/>
              </a:spcAft>
              <a:buClrTx/>
              <a:buSzTx/>
              <a:buFontTx/>
              <a:buNone/>
              <a:tabLst/>
              <a:defRPr/>
            </a:pPr>
            <a:r>
              <a:rPr lang="en-US" baseline="0" dirty="0"/>
              <a:t>We ran an intuitive earlier this year with a federal client where we wanted to try to help influence this pulmonary medication adherence situation </a:t>
            </a:r>
          </a:p>
          <a:p>
            <a:pPr marL="0" marR="0" lvl="0" indent="0" algn="l" defTabSz="914286" rtl="0" eaLnBrk="1" fontAlgn="auto" latinLnBrk="0" hangingPunct="1">
              <a:lnSpc>
                <a:spcPct val="100000"/>
              </a:lnSpc>
              <a:spcBef>
                <a:spcPts val="0"/>
              </a:spcBef>
              <a:spcAft>
                <a:spcPts val="0"/>
              </a:spcAft>
              <a:buClrTx/>
              <a:buSzTx/>
              <a:buFontTx/>
              <a:buNone/>
              <a:tabLst/>
              <a:defRPr/>
            </a:pPr>
            <a:endParaRPr lang="en-US" sz="1200" kern="1200" dirty="0">
              <a:solidFill>
                <a:schemeClr val="tx1"/>
              </a:solidFill>
              <a:effectLst/>
              <a:latin typeface="+mn-lt"/>
              <a:ea typeface="+mn-ea"/>
              <a:cs typeface="+mn-cs"/>
            </a:endParaRPr>
          </a:p>
          <a:p>
            <a:pPr marL="0" marR="0" lvl="0" indent="0" algn="l" defTabSz="914286" rtl="0" eaLnBrk="1" fontAlgn="auto" latinLnBrk="0" hangingPunct="1">
              <a:lnSpc>
                <a:spcPct val="100000"/>
              </a:lnSpc>
              <a:spcBef>
                <a:spcPts val="0"/>
              </a:spcBef>
              <a:spcAft>
                <a:spcPts val="0"/>
              </a:spcAft>
              <a:buClrTx/>
              <a:buSzTx/>
              <a:buFontTx/>
              <a:buNone/>
              <a:tabLst/>
              <a:defRPr/>
            </a:pPr>
            <a:endParaRPr lang="en-US" sz="1200" kern="1200" dirty="0">
              <a:solidFill>
                <a:schemeClr val="tx1"/>
              </a:solidFill>
              <a:effectLst/>
              <a:latin typeface="+mn-lt"/>
              <a:ea typeface="+mn-ea"/>
              <a:cs typeface="+mn-cs"/>
            </a:endParaRP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dirty="0">
                <a:solidFill>
                  <a:schemeClr val="tx1"/>
                </a:solidFill>
                <a:effectLst/>
                <a:latin typeface="+mn-lt"/>
                <a:ea typeface="+mn-ea"/>
                <a:cs typeface="+mn-cs"/>
              </a:rPr>
              <a:t>Identified patients</a:t>
            </a:r>
            <a:r>
              <a:rPr lang="en-US" sz="1200" kern="1200" baseline="0" dirty="0">
                <a:solidFill>
                  <a:schemeClr val="tx1"/>
                </a:solidFill>
                <a:effectLst/>
                <a:latin typeface="+mn-lt"/>
                <a:ea typeface="+mn-ea"/>
                <a:cs typeface="+mn-cs"/>
              </a:rPr>
              <a:t> </a:t>
            </a:r>
            <a:r>
              <a:rPr lang="en-US" sz="1200" kern="1200" dirty="0">
                <a:solidFill>
                  <a:schemeClr val="tx1"/>
                </a:solidFill>
                <a:effectLst/>
                <a:latin typeface="+mn-lt"/>
                <a:ea typeface="+mn-ea"/>
                <a:cs typeface="+mn-cs"/>
              </a:rPr>
              <a:t>filling a 30 or 60 day supply for </a:t>
            </a:r>
            <a:r>
              <a:rPr lang="en-US" sz="1200" kern="1200" dirty="0" err="1">
                <a:solidFill>
                  <a:schemeClr val="tx1"/>
                </a:solidFill>
                <a:effectLst/>
                <a:latin typeface="+mn-lt"/>
                <a:ea typeface="+mn-ea"/>
                <a:cs typeface="+mn-cs"/>
              </a:rPr>
              <a:t>Trelegy</a:t>
            </a:r>
            <a:r>
              <a:rPr lang="en-US" sz="1200" kern="1200" dirty="0">
                <a:solidFill>
                  <a:schemeClr val="tx1"/>
                </a:solidFill>
                <a:effectLst/>
                <a:latin typeface="+mn-lt"/>
                <a:ea typeface="+mn-ea"/>
                <a:cs typeface="+mn-cs"/>
              </a:rPr>
              <a:t> </a:t>
            </a:r>
            <a:r>
              <a:rPr lang="en-US" sz="1200" kern="1200" dirty="0" err="1">
                <a:solidFill>
                  <a:schemeClr val="tx1"/>
                </a:solidFill>
                <a:effectLst/>
                <a:latin typeface="+mn-lt"/>
                <a:ea typeface="+mn-ea"/>
                <a:cs typeface="+mn-cs"/>
              </a:rPr>
              <a:t>Ellipta</a:t>
            </a:r>
            <a:r>
              <a:rPr lang="en-US" sz="1200" kern="1200" dirty="0">
                <a:solidFill>
                  <a:schemeClr val="tx1"/>
                </a:solidFill>
                <a:effectLst/>
                <a:latin typeface="+mn-lt"/>
                <a:ea typeface="+mn-ea"/>
                <a:cs typeface="+mn-cs"/>
              </a:rPr>
              <a:t> or</a:t>
            </a:r>
            <a:r>
              <a:rPr lang="en-US" sz="1200" kern="1200" baseline="0" dirty="0">
                <a:solidFill>
                  <a:schemeClr val="tx1"/>
                </a:solidFill>
                <a:effectLst/>
                <a:latin typeface="+mn-lt"/>
                <a:ea typeface="+mn-ea"/>
                <a:cs typeface="+mn-cs"/>
              </a:rPr>
              <a:t> </a:t>
            </a:r>
            <a:r>
              <a:rPr lang="en-US" sz="1200" kern="1200" dirty="0">
                <a:solidFill>
                  <a:schemeClr val="tx1"/>
                </a:solidFill>
                <a:effectLst/>
                <a:latin typeface="+mn-lt"/>
                <a:ea typeface="+mn-ea"/>
                <a:cs typeface="+mn-cs"/>
              </a:rPr>
              <a:t>Advair HFA  - all controller medications – with POOR adherence</a:t>
            </a:r>
            <a:r>
              <a:rPr lang="en-US" sz="1200" kern="1200" baseline="0" dirty="0">
                <a:solidFill>
                  <a:schemeClr val="tx1"/>
                </a:solidFill>
                <a:effectLst/>
                <a:latin typeface="+mn-lt"/>
                <a:ea typeface="+mn-ea"/>
                <a:cs typeface="+mn-cs"/>
              </a:rPr>
              <a:t> in the last year (PDC under 80) </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Plan wanted to offer a </a:t>
            </a:r>
            <a:r>
              <a:rPr lang="en-US" sz="1200" kern="1200" dirty="0">
                <a:solidFill>
                  <a:schemeClr val="tx1"/>
                </a:solidFill>
                <a:effectLst/>
                <a:latin typeface="+mn-lt"/>
                <a:ea typeface="+mn-ea"/>
                <a:cs typeface="+mn-cs"/>
              </a:rPr>
              <a:t>90 DS for</a:t>
            </a:r>
            <a:r>
              <a:rPr lang="en-US" sz="1200" kern="1200" baseline="0" dirty="0">
                <a:solidFill>
                  <a:schemeClr val="tx1"/>
                </a:solidFill>
                <a:effectLst/>
                <a:latin typeface="+mn-lt"/>
                <a:ea typeface="+mn-ea"/>
                <a:cs typeface="+mn-cs"/>
              </a:rPr>
              <a:t> $4 less than a 30 DS</a:t>
            </a:r>
            <a:r>
              <a:rPr lang="en-US" sz="1200" kern="1200" dirty="0">
                <a:solidFill>
                  <a:schemeClr val="tx1"/>
                </a:solidFill>
                <a:effectLst/>
                <a:latin typeface="+mn-lt"/>
                <a:ea typeface="+mn-ea"/>
                <a:cs typeface="+mn-cs"/>
              </a:rPr>
              <a:t>. Aim to convert</a:t>
            </a:r>
            <a:r>
              <a:rPr lang="en-US" sz="1200" kern="1200" baseline="0" dirty="0">
                <a:solidFill>
                  <a:schemeClr val="tx1"/>
                </a:solidFill>
                <a:effectLst/>
                <a:latin typeface="+mn-lt"/>
                <a:ea typeface="+mn-ea"/>
                <a:cs typeface="+mn-cs"/>
              </a:rPr>
              <a:t> to 90 DS</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dirty="0">
                <a:solidFill>
                  <a:schemeClr val="tx1"/>
                </a:solidFill>
                <a:effectLst/>
                <a:latin typeface="+mn-lt"/>
                <a:ea typeface="+mn-ea"/>
                <a:cs typeface="+mn-cs"/>
              </a:rPr>
              <a:t>focus on members with high ECONOMIC SDI score,</a:t>
            </a:r>
            <a:r>
              <a:rPr lang="en-US" sz="1200" kern="1200" baseline="0" dirty="0">
                <a:solidFill>
                  <a:schemeClr val="tx1"/>
                </a:solidFill>
                <a:effectLst/>
                <a:latin typeface="+mn-lt"/>
                <a:ea typeface="+mn-ea"/>
                <a:cs typeface="+mn-cs"/>
              </a:rPr>
              <a:t> with the thought that these patients may be non-adherence due to economic/financial reasons.</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So, here we offer then a lesser cost for an extra 2 months of supply, in the hope that they will be able to afford to stay compliant with their maintenance medication.</a:t>
            </a:r>
            <a:endParaRPr lang="en-US" dirty="0"/>
          </a:p>
          <a:p>
            <a:endParaRPr lang="en-US" dirty="0"/>
          </a:p>
          <a:p>
            <a:r>
              <a:rPr lang="en-US" dirty="0"/>
              <a:t>Patients were</a:t>
            </a:r>
            <a:r>
              <a:rPr lang="en-US" baseline="0" dirty="0"/>
              <a:t> notified</a:t>
            </a:r>
            <a:r>
              <a:rPr lang="en-US" dirty="0"/>
              <a:t>, monitored for the 90 day fill request and improved adherence</a:t>
            </a:r>
          </a:p>
          <a:p>
            <a:endParaRPr lang="en-US" dirty="0"/>
          </a:p>
          <a:p>
            <a:r>
              <a:rPr lang="en-US" dirty="0"/>
              <a:t>_______</a:t>
            </a:r>
          </a:p>
          <a:p>
            <a:endParaRPr lang="en-US" dirty="0"/>
          </a:p>
          <a:p>
            <a:r>
              <a:rPr lang="en-US" sz="1200" kern="1200" dirty="0">
                <a:solidFill>
                  <a:schemeClr val="tx1"/>
                </a:solidFill>
                <a:effectLst/>
                <a:latin typeface="+mn-lt"/>
                <a:ea typeface="+mn-ea"/>
                <a:cs typeface="+mn-cs"/>
              </a:rPr>
              <a:t>Target population 571</a:t>
            </a:r>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20</a:t>
            </a:fld>
            <a:endParaRPr lang="en-US" dirty="0"/>
          </a:p>
        </p:txBody>
      </p:sp>
    </p:spTree>
    <p:extLst>
      <p:ext uri="{BB962C8B-B14F-4D97-AF65-F5344CB8AC3E}">
        <p14:creationId xmlns:p14="http://schemas.microsoft.com/office/powerpoint/2010/main" val="809678175"/>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286" rtl="0" eaLnBrk="1" fontAlgn="auto" latinLnBrk="0" hangingPunct="1">
              <a:lnSpc>
                <a:spcPct val="100000"/>
              </a:lnSpc>
              <a:spcBef>
                <a:spcPts val="0"/>
              </a:spcBef>
              <a:spcAft>
                <a:spcPts val="0"/>
              </a:spcAft>
              <a:buClrTx/>
              <a:buSzTx/>
              <a:buFontTx/>
              <a:buNone/>
              <a:tabLst/>
              <a:defRPr/>
            </a:pPr>
            <a:endParaRPr lang="en-US" sz="1200" kern="1200" dirty="0">
              <a:solidFill>
                <a:schemeClr val="tx1"/>
              </a:solidFill>
              <a:effectLst/>
              <a:latin typeface="+mn-lt"/>
              <a:ea typeface="+mn-ea"/>
              <a:cs typeface="+mn-cs"/>
            </a:endParaRP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dirty="0">
                <a:solidFill>
                  <a:schemeClr val="tx1"/>
                </a:solidFill>
                <a:effectLst/>
                <a:latin typeface="+mn-lt"/>
                <a:ea typeface="+mn-ea"/>
                <a:cs typeface="+mn-cs"/>
              </a:rPr>
              <a:t>Targeted 100</a:t>
            </a:r>
            <a:r>
              <a:rPr lang="en-US" sz="1200" kern="1200" baseline="0" dirty="0">
                <a:solidFill>
                  <a:schemeClr val="tx1"/>
                </a:solidFill>
                <a:effectLst/>
                <a:latin typeface="+mn-lt"/>
                <a:ea typeface="+mn-ea"/>
                <a:cs typeface="+mn-cs"/>
              </a:rPr>
              <a:t> pts</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Gaps in care optimization, omission, or adherence</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Non adherent pattern to medications</a:t>
            </a:r>
          </a:p>
          <a:p>
            <a:pPr marL="0" marR="0" lvl="0" indent="0" algn="l" defTabSz="914286" rtl="0" eaLnBrk="1" fontAlgn="auto" latinLnBrk="0" hangingPunct="1">
              <a:lnSpc>
                <a:spcPct val="100000"/>
              </a:lnSpc>
              <a:spcBef>
                <a:spcPts val="0"/>
              </a:spcBef>
              <a:spcAft>
                <a:spcPts val="0"/>
              </a:spcAft>
              <a:buClrTx/>
              <a:buSzTx/>
              <a:buFontTx/>
              <a:buNone/>
              <a:tabLst/>
              <a:defRPr/>
            </a:pPr>
            <a:endParaRPr lang="en-US" sz="1200" kern="1200" baseline="0" dirty="0">
              <a:solidFill>
                <a:schemeClr val="tx1"/>
              </a:solidFill>
              <a:effectLst/>
              <a:latin typeface="+mn-lt"/>
              <a:ea typeface="+mn-ea"/>
              <a:cs typeface="+mn-cs"/>
            </a:endParaRP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Goal: Find out what barriers they have, help them learn what the goals are for their disease state. </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Many patients did not know what an A1C was or what the goal should be. Baby Steps to education.</a:t>
            </a:r>
          </a:p>
          <a:p>
            <a:pPr marL="0" marR="0" lvl="0" indent="0" algn="l" defTabSz="914286" rtl="0" eaLnBrk="1" fontAlgn="auto" latinLnBrk="0" hangingPunct="1">
              <a:lnSpc>
                <a:spcPct val="100000"/>
              </a:lnSpc>
              <a:spcBef>
                <a:spcPts val="0"/>
              </a:spcBef>
              <a:spcAft>
                <a:spcPts val="0"/>
              </a:spcAft>
              <a:buClrTx/>
              <a:buSzTx/>
              <a:buFontTx/>
              <a:buNone/>
              <a:tabLst/>
              <a:defRPr/>
            </a:pPr>
            <a:endParaRPr lang="en-US" sz="1200" kern="1200" baseline="0" dirty="0">
              <a:solidFill>
                <a:schemeClr val="tx1"/>
              </a:solidFill>
              <a:effectLst/>
              <a:latin typeface="+mn-lt"/>
              <a:ea typeface="+mn-ea"/>
              <a:cs typeface="+mn-cs"/>
            </a:endParaRP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Anecdotal feedback is key***</a:t>
            </a:r>
          </a:p>
          <a:p>
            <a:pPr marL="0" marR="0" lvl="0" indent="0" algn="l" defTabSz="914286" rtl="0" eaLnBrk="1" fontAlgn="auto" latinLnBrk="0" hangingPunct="1">
              <a:lnSpc>
                <a:spcPct val="100000"/>
              </a:lnSpc>
              <a:spcBef>
                <a:spcPts val="0"/>
              </a:spcBef>
              <a:spcAft>
                <a:spcPts val="0"/>
              </a:spcAft>
              <a:buClrTx/>
              <a:buSzTx/>
              <a:buFontTx/>
              <a:buNone/>
              <a:tabLst/>
              <a:defRPr/>
            </a:pPr>
            <a:r>
              <a:rPr lang="en-US" sz="1200" kern="1200" baseline="0" dirty="0">
                <a:solidFill>
                  <a:schemeClr val="tx1"/>
                </a:solidFill>
                <a:effectLst/>
                <a:latin typeface="+mn-lt"/>
                <a:ea typeface="+mn-ea"/>
                <a:cs typeface="+mn-cs"/>
              </a:rPr>
              <a:t>Potentially engage audience for use case idea gathering</a:t>
            </a:r>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21</a:t>
            </a:fld>
            <a:endParaRPr lang="en-US" dirty="0"/>
          </a:p>
        </p:txBody>
      </p:sp>
    </p:spTree>
    <p:extLst>
      <p:ext uri="{BB962C8B-B14F-4D97-AF65-F5344CB8AC3E}">
        <p14:creationId xmlns:p14="http://schemas.microsoft.com/office/powerpoint/2010/main" val="2397937418"/>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b="0" i="0" dirty="0">
                <a:effectLst/>
                <a:latin typeface="ciscosansttregular"/>
              </a:rPr>
              <a:t>Need to be flexible </a:t>
            </a:r>
            <a:r>
              <a:rPr lang="en-US" b="0" i="0" dirty="0" err="1">
                <a:effectLst/>
                <a:latin typeface="ciscosansttregular"/>
              </a:rPr>
              <a:t>bc</a:t>
            </a:r>
            <a:r>
              <a:rPr lang="en-US" b="0" i="0" dirty="0">
                <a:effectLst/>
                <a:latin typeface="ciscosansttregular"/>
              </a:rPr>
              <a:t> we know we’ll never get the right population the first time out of the gate, but pay with it , add different data elements to  hone in on the population new want to support </a:t>
            </a:r>
          </a:p>
          <a:p>
            <a:endParaRPr lang="en-US" dirty="0"/>
          </a:p>
          <a:p>
            <a:endParaRPr lang="en-US" dirty="0"/>
          </a:p>
          <a:p>
            <a:endParaRPr lang="en-US" dirty="0"/>
          </a:p>
          <a:p>
            <a:r>
              <a:rPr lang="en-US" dirty="0"/>
              <a:t>Open up to audience for what challenges they see in their work?</a:t>
            </a:r>
          </a:p>
          <a:p>
            <a:r>
              <a:rPr lang="en-US" dirty="0"/>
              <a:t>What is working?</a:t>
            </a:r>
          </a:p>
          <a:p>
            <a:r>
              <a:rPr lang="en-US" dirty="0"/>
              <a:t>What is a barrier to care?</a:t>
            </a:r>
          </a:p>
          <a:p>
            <a:r>
              <a:rPr lang="en-US" dirty="0"/>
              <a:t>What use cases could</a:t>
            </a:r>
            <a:r>
              <a:rPr lang="en-US" baseline="0" dirty="0"/>
              <a:t> be used that would draw SDOH to improve efficiencies?</a:t>
            </a:r>
            <a:endParaRPr lang="en-US" dirty="0"/>
          </a:p>
          <a:p>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22</a:t>
            </a:fld>
            <a:endParaRPr lang="en-GB"/>
          </a:p>
        </p:txBody>
      </p:sp>
      <p:sp>
        <p:nvSpPr>
          <p:cNvPr id="5" name="Footer Placeholder 4"/>
          <p:cNvSpPr>
            <a:spLocks noGrp="1"/>
          </p:cNvSpPr>
          <p:nvPr>
            <p:ph type="ftr" sz="quarter" idx="11"/>
          </p:nvPr>
        </p:nvSpPr>
        <p:spPr/>
        <p:txBody>
          <a:bodyPr/>
          <a:lstStyle/>
          <a:p>
            <a:endParaRPr lang="en-GB"/>
          </a:p>
        </p:txBody>
      </p:sp>
      <p:sp>
        <p:nvSpPr>
          <p:cNvPr id="6" name="Header Placeholder 5"/>
          <p:cNvSpPr>
            <a:spLocks noGrp="1"/>
          </p:cNvSpPr>
          <p:nvPr>
            <p:ph type="hdr" sz="quarter" idx="12"/>
          </p:nvPr>
        </p:nvSpPr>
        <p:spPr/>
        <p:txBody>
          <a:bodyPr/>
          <a:lstStyle/>
          <a:p>
            <a:endParaRPr lang="en-GB"/>
          </a:p>
        </p:txBody>
      </p:sp>
    </p:spTree>
    <p:extLst>
      <p:ext uri="{BB962C8B-B14F-4D97-AF65-F5344CB8AC3E}">
        <p14:creationId xmlns:p14="http://schemas.microsoft.com/office/powerpoint/2010/main" val="3008102907"/>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n our example, we looked at a specific plan</a:t>
            </a:r>
            <a:r>
              <a:rPr lang="en-US" baseline="0" dirty="0"/>
              <a:t> and outreaches to patients with a minimal/low cost outreach.</a:t>
            </a:r>
          </a:p>
          <a:p>
            <a:endParaRPr lang="en-US" baseline="0" dirty="0"/>
          </a:p>
          <a:p>
            <a:r>
              <a:rPr lang="en-US" baseline="0" dirty="0"/>
              <a:t>What are some other ways we can use </a:t>
            </a:r>
            <a:r>
              <a:rPr lang="en-US" baseline="0" dirty="0" err="1"/>
              <a:t>SDoH</a:t>
            </a:r>
            <a:r>
              <a:rPr lang="en-US" baseline="0" dirty="0"/>
              <a:t> from angles other than plan outreaches? </a:t>
            </a:r>
            <a:r>
              <a:rPr lang="en-US" baseline="0" dirty="0" err="1"/>
              <a:t>Ie</a:t>
            </a:r>
            <a:r>
              <a:rPr lang="en-US" baseline="0" dirty="0"/>
              <a:t>. Direct patient care practice or HR benefits?</a:t>
            </a:r>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23</a:t>
            </a:fld>
            <a:endParaRPr lang="en-GB"/>
          </a:p>
        </p:txBody>
      </p:sp>
      <p:sp>
        <p:nvSpPr>
          <p:cNvPr id="5" name="Footer Placeholder 4"/>
          <p:cNvSpPr>
            <a:spLocks noGrp="1"/>
          </p:cNvSpPr>
          <p:nvPr>
            <p:ph type="ftr" sz="quarter" idx="11"/>
          </p:nvPr>
        </p:nvSpPr>
        <p:spPr/>
        <p:txBody>
          <a:bodyPr/>
          <a:lstStyle/>
          <a:p>
            <a:endParaRPr lang="en-GB"/>
          </a:p>
        </p:txBody>
      </p:sp>
      <p:sp>
        <p:nvSpPr>
          <p:cNvPr id="6" name="Header Placeholder 5"/>
          <p:cNvSpPr>
            <a:spLocks noGrp="1"/>
          </p:cNvSpPr>
          <p:nvPr>
            <p:ph type="hdr" sz="quarter" idx="12"/>
          </p:nvPr>
        </p:nvSpPr>
        <p:spPr/>
        <p:txBody>
          <a:bodyPr/>
          <a:lstStyle/>
          <a:p>
            <a:endParaRPr lang="en-GB"/>
          </a:p>
        </p:txBody>
      </p:sp>
    </p:spTree>
    <p:extLst>
      <p:ext uri="{BB962C8B-B14F-4D97-AF65-F5344CB8AC3E}">
        <p14:creationId xmlns:p14="http://schemas.microsoft.com/office/powerpoint/2010/main" val="1128944908"/>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8975" y="271463"/>
            <a:ext cx="5486400" cy="3086100"/>
          </a:xfrm>
        </p:spPr>
      </p:sp>
      <p:sp>
        <p:nvSpPr>
          <p:cNvPr id="3" name="Notes Placeholder 2"/>
          <p:cNvSpPr>
            <a:spLocks noGrp="1"/>
          </p:cNvSpPr>
          <p:nvPr>
            <p:ph type="body" idx="1"/>
          </p:nvPr>
        </p:nvSpPr>
        <p:spPr>
          <a:xfrm>
            <a:off x="692150" y="3638550"/>
            <a:ext cx="5486400" cy="3600450"/>
          </a:xfrm>
        </p:spPr>
        <p:txBody>
          <a:bodyPr/>
          <a:lstStyle/>
          <a:p>
            <a:r>
              <a:rPr lang="en-US" sz="1100" dirty="0">
                <a:ea typeface="Calibri" panose="020F0502020204030204" pitchFamily="34" charset="0"/>
              </a:rPr>
              <a:t>From</a:t>
            </a:r>
            <a:r>
              <a:rPr lang="en-US" sz="1100" baseline="0" dirty="0">
                <a:ea typeface="Calibri" panose="020F0502020204030204" pitchFamily="34" charset="0"/>
              </a:rPr>
              <a:t> PBM perspective, sponsors, insurers, the goal is to improve patient care, convenience to medication, prevention of disease state exacerbations or decline. </a:t>
            </a:r>
          </a:p>
          <a:p>
            <a:r>
              <a:rPr lang="en-US" sz="1100" baseline="0" dirty="0">
                <a:ea typeface="Calibri" panose="020F0502020204030204" pitchFamily="34" charset="0"/>
              </a:rPr>
              <a:t>We can do that my being smart about our programs and products – layering in this valuable SDI index to our various initiatives that we identify with dynamic insight queries, such as SDI areas of particular low scores plus a clinical concern that would be impacts</a:t>
            </a:r>
          </a:p>
          <a:p>
            <a:endParaRPr lang="en-US" sz="1100" baseline="0" dirty="0">
              <a:ea typeface="Calibri" panose="020F0502020204030204" pitchFamily="34" charset="0"/>
            </a:endParaRPr>
          </a:p>
          <a:p>
            <a:r>
              <a:rPr lang="en-US" sz="1100" baseline="0" dirty="0">
                <a:ea typeface="Calibri" panose="020F0502020204030204" pitchFamily="34" charset="0"/>
              </a:rPr>
              <a:t>4</a:t>
            </a:r>
            <a:r>
              <a:rPr lang="en-US" sz="1100" baseline="30000" dirty="0">
                <a:ea typeface="Calibri" panose="020F0502020204030204" pitchFamily="34" charset="0"/>
              </a:rPr>
              <a:t>th</a:t>
            </a:r>
            <a:r>
              <a:rPr lang="en-US" sz="1100" baseline="0" dirty="0">
                <a:ea typeface="Calibri" panose="020F0502020204030204" pitchFamily="34" charset="0"/>
              </a:rPr>
              <a:t> bullet – discussions in play with clients: </a:t>
            </a:r>
            <a:r>
              <a:rPr lang="en-US" sz="1100" baseline="0" dirty="0" err="1">
                <a:ea typeface="Calibri" panose="020F0502020204030204" pitchFamily="34" charset="0"/>
              </a:rPr>
              <a:t>pt</a:t>
            </a:r>
            <a:r>
              <a:rPr lang="en-US" sz="1100" baseline="0" dirty="0">
                <a:ea typeface="Calibri" panose="020F0502020204030204" pitchFamily="34" charset="0"/>
              </a:rPr>
              <a:t> exclusion of colon cancer ICD10 code plus transportation challenge = send at-home screening kit and/or offer transportation assistance (Uber in urban areas for example)</a:t>
            </a:r>
            <a:endParaRPr lang="en-US" sz="1100" dirty="0">
              <a:ea typeface="Calibri" panose="020F0502020204030204" pitchFamily="34" charset="0"/>
            </a:endParaRPr>
          </a:p>
        </p:txBody>
      </p:sp>
      <p:sp>
        <p:nvSpPr>
          <p:cNvPr id="4" name="Slide Number Placeholder 3"/>
          <p:cNvSpPr>
            <a:spLocks noGrp="1"/>
          </p:cNvSpPr>
          <p:nvPr>
            <p:ph type="sldNum" sz="quarter" idx="10"/>
          </p:nvPr>
        </p:nvSpPr>
        <p:spPr/>
        <p:txBody>
          <a:bodyPr/>
          <a:lstStyle/>
          <a:p>
            <a:fld id="{25F24969-D400-4727-B4C6-AA050082B364}" type="slidenum">
              <a:rPr lang="en-US" smtClean="0">
                <a:solidFill>
                  <a:prstClr val="black"/>
                </a:solidFill>
              </a:rPr>
              <a:pPr/>
              <a:t>24</a:t>
            </a:fld>
            <a:endParaRPr lang="en-US">
              <a:solidFill>
                <a:prstClr val="black"/>
              </a:solidFill>
            </a:endParaRPr>
          </a:p>
        </p:txBody>
      </p:sp>
    </p:spTree>
    <p:extLst>
      <p:ext uri="{BB962C8B-B14F-4D97-AF65-F5344CB8AC3E}">
        <p14:creationId xmlns:p14="http://schemas.microsoft.com/office/powerpoint/2010/main" val="125532909"/>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8975" y="271463"/>
            <a:ext cx="5486400" cy="3086100"/>
          </a:xfrm>
        </p:spPr>
      </p:sp>
      <p:sp>
        <p:nvSpPr>
          <p:cNvPr id="3" name="Notes Placeholder 2"/>
          <p:cNvSpPr>
            <a:spLocks noGrp="1"/>
          </p:cNvSpPr>
          <p:nvPr>
            <p:ph type="body" idx="1"/>
          </p:nvPr>
        </p:nvSpPr>
        <p:spPr>
          <a:xfrm>
            <a:off x="692150" y="3638550"/>
            <a:ext cx="5486400" cy="3600450"/>
          </a:xfrm>
        </p:spPr>
        <p:txBody>
          <a:bodyPr/>
          <a:lstStyle/>
          <a:p>
            <a:r>
              <a:rPr lang="en-US" sz="1100" dirty="0">
                <a:ea typeface="Calibri" panose="020F0502020204030204" pitchFamily="34" charset="0"/>
              </a:rPr>
              <a:t>Resource for patient care support</a:t>
            </a:r>
          </a:p>
          <a:p>
            <a:r>
              <a:rPr lang="en-US" sz="1100" dirty="0">
                <a:ea typeface="Calibri" panose="020F0502020204030204" pitchFamily="34" charset="0"/>
              </a:rPr>
              <a:t>No</a:t>
            </a:r>
            <a:r>
              <a:rPr lang="en-US" sz="1100" baseline="0" dirty="0">
                <a:ea typeface="Calibri" panose="020F0502020204030204" pitchFamily="34" charset="0"/>
              </a:rPr>
              <a:t> log in needed, access on desktop or phone app</a:t>
            </a:r>
            <a:endParaRPr lang="en-US" sz="1100" dirty="0">
              <a:ea typeface="Calibri" panose="020F0502020204030204" pitchFamily="34" charset="0"/>
            </a:endParaRPr>
          </a:p>
          <a:p>
            <a:r>
              <a:rPr lang="en-US" sz="1100" dirty="0">
                <a:ea typeface="Calibri" panose="020F0502020204030204" pitchFamily="34" charset="0"/>
              </a:rPr>
              <a:t>33M users</a:t>
            </a:r>
          </a:p>
        </p:txBody>
      </p:sp>
      <p:sp>
        <p:nvSpPr>
          <p:cNvPr id="4" name="Slide Number Placeholder 3"/>
          <p:cNvSpPr>
            <a:spLocks noGrp="1"/>
          </p:cNvSpPr>
          <p:nvPr>
            <p:ph type="sldNum" sz="quarter" idx="10"/>
          </p:nvPr>
        </p:nvSpPr>
        <p:spPr/>
        <p:txBody>
          <a:bodyPr/>
          <a:lstStyle/>
          <a:p>
            <a:fld id="{25F24969-D400-4727-B4C6-AA050082B364}" type="slidenum">
              <a:rPr lang="en-US" smtClean="0">
                <a:solidFill>
                  <a:prstClr val="black"/>
                </a:solidFill>
              </a:rPr>
              <a:pPr/>
              <a:t>25</a:t>
            </a:fld>
            <a:endParaRPr lang="en-US">
              <a:solidFill>
                <a:prstClr val="black"/>
              </a:solidFill>
            </a:endParaRPr>
          </a:p>
        </p:txBody>
      </p:sp>
    </p:spTree>
    <p:extLst>
      <p:ext uri="{BB962C8B-B14F-4D97-AF65-F5344CB8AC3E}">
        <p14:creationId xmlns:p14="http://schemas.microsoft.com/office/powerpoint/2010/main" val="3205839782"/>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8975" y="271463"/>
            <a:ext cx="5486400" cy="3086100"/>
          </a:xfrm>
        </p:spPr>
      </p:sp>
      <p:sp>
        <p:nvSpPr>
          <p:cNvPr id="3" name="Notes Placeholder 2"/>
          <p:cNvSpPr>
            <a:spLocks noGrp="1"/>
          </p:cNvSpPr>
          <p:nvPr>
            <p:ph type="body" idx="1"/>
          </p:nvPr>
        </p:nvSpPr>
        <p:spPr>
          <a:xfrm>
            <a:off x="692150" y="3638550"/>
            <a:ext cx="5486400" cy="3600450"/>
          </a:xfrm>
        </p:spPr>
        <p:txBody>
          <a:bodyPr/>
          <a:lstStyle/>
          <a:p>
            <a:r>
              <a:rPr lang="en-US" sz="1100" dirty="0">
                <a:ea typeface="Calibri" panose="020F0502020204030204" pitchFamily="34" charset="0"/>
              </a:rPr>
              <a:t>View from</a:t>
            </a:r>
            <a:r>
              <a:rPr lang="en-US" sz="1100" baseline="0" dirty="0">
                <a:ea typeface="Calibri" panose="020F0502020204030204" pitchFamily="34" charset="0"/>
              </a:rPr>
              <a:t> my own phone after I downloaded the app and looked for resources in my own area</a:t>
            </a:r>
            <a:endParaRPr lang="en-US" sz="1100" dirty="0">
              <a:ea typeface="Calibri" panose="020F0502020204030204" pitchFamily="34" charset="0"/>
            </a:endParaRPr>
          </a:p>
        </p:txBody>
      </p:sp>
      <p:sp>
        <p:nvSpPr>
          <p:cNvPr id="4" name="Slide Number Placeholder 3"/>
          <p:cNvSpPr>
            <a:spLocks noGrp="1"/>
          </p:cNvSpPr>
          <p:nvPr>
            <p:ph type="sldNum" sz="quarter" idx="10"/>
          </p:nvPr>
        </p:nvSpPr>
        <p:spPr/>
        <p:txBody>
          <a:bodyPr/>
          <a:lstStyle/>
          <a:p>
            <a:fld id="{25F24969-D400-4727-B4C6-AA050082B364}" type="slidenum">
              <a:rPr lang="en-US" smtClean="0">
                <a:solidFill>
                  <a:prstClr val="black"/>
                </a:solidFill>
              </a:rPr>
              <a:pPr/>
              <a:t>26</a:t>
            </a:fld>
            <a:endParaRPr lang="en-US">
              <a:solidFill>
                <a:prstClr val="black"/>
              </a:solidFill>
            </a:endParaRPr>
          </a:p>
        </p:txBody>
      </p:sp>
    </p:spTree>
    <p:extLst>
      <p:ext uri="{BB962C8B-B14F-4D97-AF65-F5344CB8AC3E}">
        <p14:creationId xmlns:p14="http://schemas.microsoft.com/office/powerpoint/2010/main" val="1256028440"/>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ope</a:t>
            </a:r>
            <a:r>
              <a:rPr lang="en-US" baseline="0" dirty="0"/>
              <a:t> that this has helped you think about your day to day with a different lens of consideration for equity vs. equality. Thinking about ways you can support patients in a more strategic way, </a:t>
            </a:r>
            <a:r>
              <a:rPr lang="en-US" baseline="0" dirty="0" err="1"/>
              <a:t>ie</a:t>
            </a:r>
            <a:r>
              <a:rPr lang="en-US" baseline="0" dirty="0"/>
              <a:t>. use of SDOH into initiatives. We are just beginning to understand the importance and impact. </a:t>
            </a:r>
          </a:p>
          <a:p>
            <a:endParaRPr lang="en-US" baseline="0" dirty="0"/>
          </a:p>
          <a:p>
            <a:r>
              <a:rPr lang="en-US" baseline="0" dirty="0"/>
              <a:t>I will close with a quote from Jerome Adams, our </a:t>
            </a:r>
            <a:r>
              <a:rPr lang="en-US" baseline="0" dirty="0" err="1"/>
              <a:t>frmr</a:t>
            </a:r>
            <a:r>
              <a:rPr lang="en-US" baseline="0" dirty="0"/>
              <a:t> US Surgeon General:</a:t>
            </a:r>
          </a:p>
          <a:p>
            <a:r>
              <a:rPr lang="en-US" sz="2800" b="1" i="1" baseline="0" dirty="0">
                <a:solidFill>
                  <a:srgbClr val="FF0000"/>
                </a:solidFill>
              </a:rPr>
              <a:t>“Progress towards equity should be a metric we track and have accountability for, just as much as infection control or hospital length of stay. Because shame on us if we celebrate great care that is only available to some, while ignoring who has been left out or behind.”</a:t>
            </a:r>
          </a:p>
          <a:p>
            <a:endParaRPr lang="en-US" sz="2800" b="1" i="1" baseline="0" dirty="0">
              <a:solidFill>
                <a:srgbClr val="FF0000"/>
              </a:solidFill>
            </a:endParaRPr>
          </a:p>
          <a:p>
            <a:r>
              <a:rPr lang="en-US" sz="2800" b="1" i="1" baseline="0" dirty="0">
                <a:solidFill>
                  <a:srgbClr val="FF0000"/>
                </a:solidFill>
              </a:rPr>
              <a:t>**TRADE SHOW BOOTH for Q&amp;A**</a:t>
            </a:r>
            <a:endParaRPr lang="en-US" sz="2800" b="1" i="1" dirty="0">
              <a:solidFill>
                <a:srgbClr val="FF0000"/>
              </a:solidFill>
            </a:endParaRPr>
          </a:p>
        </p:txBody>
      </p:sp>
      <p:sp>
        <p:nvSpPr>
          <p:cNvPr id="4" name="Slide Number Placeholder 3"/>
          <p:cNvSpPr>
            <a:spLocks noGrp="1"/>
          </p:cNvSpPr>
          <p:nvPr>
            <p:ph type="sldNum" sz="quarter" idx="10"/>
          </p:nvPr>
        </p:nvSpPr>
        <p:spPr/>
        <p:txBody>
          <a:bodyPr/>
          <a:lstStyle/>
          <a:p>
            <a:fld id="{A16CFAD1-D197-4A88-B173-A6412E995EE5}" type="slidenum">
              <a:rPr lang="en-GB" smtClean="0"/>
              <a:pPr/>
              <a:t>27</a:t>
            </a:fld>
            <a:endParaRPr lang="en-GB"/>
          </a:p>
        </p:txBody>
      </p:sp>
      <p:sp>
        <p:nvSpPr>
          <p:cNvPr id="5" name="Footer Placeholder 4"/>
          <p:cNvSpPr>
            <a:spLocks noGrp="1"/>
          </p:cNvSpPr>
          <p:nvPr>
            <p:ph type="ftr" sz="quarter" idx="11"/>
          </p:nvPr>
        </p:nvSpPr>
        <p:spPr/>
        <p:txBody>
          <a:bodyPr/>
          <a:lstStyle/>
          <a:p>
            <a:endParaRPr lang="en-GB"/>
          </a:p>
        </p:txBody>
      </p:sp>
      <p:sp>
        <p:nvSpPr>
          <p:cNvPr id="6" name="Header Placeholder 5"/>
          <p:cNvSpPr>
            <a:spLocks noGrp="1"/>
          </p:cNvSpPr>
          <p:nvPr>
            <p:ph type="hdr" sz="quarter" idx="12"/>
          </p:nvPr>
        </p:nvSpPr>
        <p:spPr/>
        <p:txBody>
          <a:bodyPr/>
          <a:lstStyle/>
          <a:p>
            <a:endParaRPr lang="en-GB"/>
          </a:p>
        </p:txBody>
      </p:sp>
    </p:spTree>
    <p:extLst>
      <p:ext uri="{BB962C8B-B14F-4D97-AF65-F5344CB8AC3E}">
        <p14:creationId xmlns:p14="http://schemas.microsoft.com/office/powerpoint/2010/main" val="397808427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560388" y="930275"/>
            <a:ext cx="5575300" cy="3136900"/>
          </a:xfrm>
        </p:spPr>
      </p:sp>
      <p:sp>
        <p:nvSpPr>
          <p:cNvPr id="3" name="Notes Placeholder 2"/>
          <p:cNvSpPr>
            <a:spLocks noGrp="1"/>
          </p:cNvSpPr>
          <p:nvPr>
            <p:ph type="body" idx="1"/>
          </p:nvPr>
        </p:nvSpPr>
        <p:spPr/>
        <p:txBody>
          <a:bodyPr/>
          <a:lstStyle/>
          <a:p>
            <a:r>
              <a:rPr lang="en-US" dirty="0">
                <a:cs typeface="Calibri"/>
              </a:rPr>
              <a:t>We talked about the health disparities, so that leads to what is “health equity?”</a:t>
            </a:r>
          </a:p>
          <a:p>
            <a:endParaRPr lang="en-US" dirty="0">
              <a:cs typeface="Calibri"/>
            </a:endParaRPr>
          </a:p>
          <a:p>
            <a:r>
              <a:rPr lang="en-US" dirty="0">
                <a:cs typeface="Calibri"/>
              </a:rPr>
              <a:t>Health Equity? “The attainment of the highest level of health care possible for all people.” This</a:t>
            </a:r>
            <a:r>
              <a:rPr lang="en-US" baseline="0" dirty="0">
                <a:cs typeface="Calibri"/>
              </a:rPr>
              <a:t> is the end goal vs equality</a:t>
            </a:r>
            <a:endParaRPr lang="en-US" dirty="0">
              <a:cs typeface="Calibri"/>
            </a:endParaRPr>
          </a:p>
          <a:p>
            <a:endParaRPr lang="en-US" dirty="0">
              <a:cs typeface="Calibri"/>
            </a:endParaRPr>
          </a:p>
          <a:p>
            <a:r>
              <a:rPr lang="en-US" dirty="0">
                <a:cs typeface="Calibri"/>
              </a:rPr>
              <a:t>Taking those disparities – those social determinants of health as we hear them called, be it -</a:t>
            </a:r>
          </a:p>
          <a:p>
            <a:r>
              <a:rPr lang="en-US" dirty="0">
                <a:cs typeface="Calibri"/>
              </a:rPr>
              <a:t>Literacy level</a:t>
            </a:r>
          </a:p>
          <a:p>
            <a:r>
              <a:rPr lang="en-US" dirty="0">
                <a:cs typeface="Calibri"/>
              </a:rPr>
              <a:t>Geographic location (</a:t>
            </a:r>
            <a:r>
              <a:rPr lang="en-US" dirty="0" err="1">
                <a:cs typeface="Calibri"/>
              </a:rPr>
              <a:t>ie</a:t>
            </a:r>
            <a:r>
              <a:rPr lang="en-US" dirty="0">
                <a:cs typeface="Calibri"/>
              </a:rPr>
              <a:t> rural</a:t>
            </a:r>
            <a:r>
              <a:rPr lang="en-US" baseline="0" dirty="0">
                <a:cs typeface="Calibri"/>
              </a:rPr>
              <a:t> access to care)</a:t>
            </a:r>
            <a:endParaRPr lang="en-US" dirty="0">
              <a:cs typeface="Calibri"/>
            </a:endParaRPr>
          </a:p>
          <a:p>
            <a:r>
              <a:rPr lang="en-US" dirty="0">
                <a:cs typeface="Calibri"/>
              </a:rPr>
              <a:t>Financial challenges (</a:t>
            </a:r>
            <a:r>
              <a:rPr lang="en-US" dirty="0" err="1">
                <a:cs typeface="Calibri"/>
              </a:rPr>
              <a:t>ie</a:t>
            </a:r>
            <a:r>
              <a:rPr lang="en-US" dirty="0">
                <a:cs typeface="Calibri"/>
              </a:rPr>
              <a:t> copay assistance)</a:t>
            </a:r>
          </a:p>
          <a:p>
            <a:endParaRPr lang="en-US" dirty="0">
              <a:cs typeface="Calibri"/>
            </a:endParaRPr>
          </a:p>
          <a:p>
            <a:r>
              <a:rPr lang="en-US" dirty="0">
                <a:cs typeface="Calibri"/>
              </a:rPr>
              <a:t>Giving that extra strategic effort to those that need it. </a:t>
            </a:r>
          </a:p>
        </p:txBody>
      </p:sp>
      <p:sp>
        <p:nvSpPr>
          <p:cNvPr id="4" name="Slide Number Placeholder 3"/>
          <p:cNvSpPr>
            <a:spLocks noGrp="1"/>
          </p:cNvSpPr>
          <p:nvPr>
            <p:ph type="sldNum" sz="quarter" idx="5"/>
          </p:nvPr>
        </p:nvSpPr>
        <p:spPr/>
        <p:txBody>
          <a:bodyPr/>
          <a:lstStyle/>
          <a:p>
            <a:pPr>
              <a:defRPr/>
            </a:pPr>
            <a:fld id="{EF8F9D97-8B0B-4CF7-93AD-8D480FDE53EE}" type="slidenum">
              <a:rPr lang="en-US" sz="1200" smtClean="0">
                <a:solidFill>
                  <a:prstClr val="black"/>
                </a:solidFill>
              </a:rPr>
              <a:pPr>
                <a:defRPr/>
              </a:pPr>
              <a:t>3</a:t>
            </a:fld>
            <a:endParaRPr lang="en-US" sz="1200" dirty="0">
              <a:solidFill>
                <a:prstClr val="black"/>
              </a:solidFill>
            </a:endParaRPr>
          </a:p>
        </p:txBody>
      </p:sp>
    </p:spTree>
    <p:extLst>
      <p:ext uri="{BB962C8B-B14F-4D97-AF65-F5344CB8AC3E}">
        <p14:creationId xmlns:p14="http://schemas.microsoft.com/office/powerpoint/2010/main" val="397994402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aseline="0" dirty="0"/>
              <a:t>What we’ve learned..</a:t>
            </a:r>
          </a:p>
          <a:p>
            <a:r>
              <a:rPr lang="en-US" baseline="0" dirty="0"/>
              <a:t>We know that 80% of people’s health is affected by what happens outside of the clinical setting…in fact, the WHO says that “</a:t>
            </a:r>
            <a:r>
              <a:rPr lang="en-US" sz="900" b="0" i="0" kern="1200" dirty="0">
                <a:solidFill>
                  <a:schemeClr val="tx1"/>
                </a:solidFill>
                <a:effectLst/>
                <a:latin typeface="+mn-lt"/>
                <a:ea typeface="+mn-ea"/>
                <a:cs typeface="+mn-cs"/>
              </a:rPr>
              <a:t>social determinants can be more important than health care or lifestyle choices in influencing health.“</a:t>
            </a:r>
            <a:r>
              <a:rPr lang="en-US" baseline="0" dirty="0"/>
              <a:t> </a:t>
            </a:r>
          </a:p>
          <a:p>
            <a:endParaRPr lang="en-US" dirty="0"/>
          </a:p>
          <a:p>
            <a:r>
              <a:rPr lang="en-US" baseline="0" dirty="0"/>
              <a:t>As a pharmacist by trade, many of us</a:t>
            </a:r>
            <a:r>
              <a:rPr lang="en-US" dirty="0"/>
              <a:t> work in that top left corner, the 20%. We see the</a:t>
            </a:r>
            <a:r>
              <a:rPr lang="en-US" baseline="0" dirty="0"/>
              <a:t> med history, their doctors visits, their late-to-fills</a:t>
            </a:r>
            <a:r>
              <a:rPr lang="en-US" dirty="0"/>
              <a:t> and dosing issues</a:t>
            </a:r>
            <a:r>
              <a:rPr lang="en-US" baseline="0" dirty="0"/>
              <a:t>. And</a:t>
            </a:r>
            <a:r>
              <a:rPr lang="en-US" dirty="0"/>
              <a:t> we want to make them all perfect – </a:t>
            </a:r>
          </a:p>
          <a:p>
            <a:r>
              <a:rPr lang="en-US" i="0" baseline="0" dirty="0"/>
              <a:t>But, have we determined WHY they are</a:t>
            </a:r>
          </a:p>
          <a:p>
            <a:r>
              <a:rPr lang="en-US" i="0" baseline="0" dirty="0"/>
              <a:t>late to fill or </a:t>
            </a:r>
            <a:r>
              <a:rPr lang="en-US" dirty="0"/>
              <a:t>missing </a:t>
            </a:r>
            <a:r>
              <a:rPr lang="en-US" i="0" baseline="0" dirty="0"/>
              <a:t>appointments?</a:t>
            </a:r>
          </a:p>
          <a:p>
            <a:r>
              <a:rPr lang="en-US" dirty="0"/>
              <a:t>That is the piece</a:t>
            </a:r>
            <a:r>
              <a:rPr lang="en-US" baseline="0" dirty="0"/>
              <a:t> that is </a:t>
            </a:r>
            <a:r>
              <a:rPr lang="en-US" dirty="0"/>
              <a:t>missing….</a:t>
            </a:r>
          </a:p>
          <a:p>
            <a:endParaRPr lang="en-US" i="0" baseline="0" dirty="0"/>
          </a:p>
          <a:p>
            <a:r>
              <a:rPr lang="en-US" i="0" baseline="0" dirty="0"/>
              <a:t>You can see here the other 3 categories that impact heath:</a:t>
            </a:r>
          </a:p>
          <a:p>
            <a:r>
              <a:rPr lang="en-US" dirty="0"/>
              <a:t>-Health and behaviors</a:t>
            </a:r>
          </a:p>
          <a:p>
            <a:r>
              <a:rPr lang="en-US" i="0" baseline="0" dirty="0"/>
              <a:t>-The</a:t>
            </a:r>
            <a:r>
              <a:rPr lang="en-US" i="0" dirty="0"/>
              <a:t> Physical</a:t>
            </a:r>
          </a:p>
          <a:p>
            <a:r>
              <a:rPr lang="en-US" baseline="0" dirty="0"/>
              <a:t>-The social</a:t>
            </a:r>
            <a:r>
              <a:rPr lang="en-US" dirty="0"/>
              <a:t> and economic factors..</a:t>
            </a:r>
          </a:p>
          <a:p>
            <a:endParaRPr lang="en-US" i="0" baseline="0" dirty="0"/>
          </a:p>
          <a:p>
            <a:endParaRPr lang="en-US" i="0" baseline="0" dirty="0"/>
          </a:p>
          <a:p>
            <a:r>
              <a:rPr lang="en-US" i="0" baseline="0" dirty="0"/>
              <a:t>Social determinants of health can help us understand better what else is impacting our members health and even why people behave the way they do with respect to their health. </a:t>
            </a:r>
          </a:p>
        </p:txBody>
      </p:sp>
      <p:sp>
        <p:nvSpPr>
          <p:cNvPr id="4" name="Header Placeholder 3"/>
          <p:cNvSpPr>
            <a:spLocks noGrp="1"/>
          </p:cNvSpPr>
          <p:nvPr>
            <p:ph type="hdr" sz="quarter" idx="10"/>
          </p:nvPr>
        </p:nvSpPr>
        <p:spPr/>
        <p:txBody>
          <a:bodyPr/>
          <a:lstStyle/>
          <a:p>
            <a:pPr marL="0" marR="0" lvl="0" indent="0" algn="l" defTabSz="914286"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Calibri"/>
              <a:ea typeface="+mn-ea"/>
              <a:cs typeface="+mn-cs"/>
            </a:endParaRPr>
          </a:p>
        </p:txBody>
      </p:sp>
      <p:sp>
        <p:nvSpPr>
          <p:cNvPr id="5" name="Footer Placeholder 4"/>
          <p:cNvSpPr>
            <a:spLocks noGrp="1"/>
          </p:cNvSpPr>
          <p:nvPr>
            <p:ph type="ftr" sz="quarter" idx="11"/>
          </p:nvPr>
        </p:nvSpPr>
        <p:spPr/>
        <p:txBody>
          <a:bodyPr/>
          <a:lstStyle/>
          <a:p>
            <a:pPr marL="0" marR="0" lvl="0" indent="0" algn="l" defTabSz="914286"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Calibri"/>
              <a:ea typeface="+mn-ea"/>
              <a:cs typeface="+mn-cs"/>
            </a:endParaRPr>
          </a:p>
        </p:txBody>
      </p:sp>
      <p:sp>
        <p:nvSpPr>
          <p:cNvPr id="6" name="Slide Number Placeholder 5"/>
          <p:cNvSpPr>
            <a:spLocks noGrp="1"/>
          </p:cNvSpPr>
          <p:nvPr>
            <p:ph type="sldNum" sz="quarter" idx="12"/>
          </p:nvPr>
        </p:nvSpPr>
        <p:spPr/>
        <p:txBody>
          <a:bodyPr/>
          <a:lstStyle/>
          <a:p>
            <a:pPr marL="0" marR="0" lvl="0" indent="0" algn="r" defTabSz="914286" rtl="0" eaLnBrk="1" fontAlgn="auto" latinLnBrk="0" hangingPunct="1">
              <a:lnSpc>
                <a:spcPct val="100000"/>
              </a:lnSpc>
              <a:spcBef>
                <a:spcPts val="0"/>
              </a:spcBef>
              <a:spcAft>
                <a:spcPts val="0"/>
              </a:spcAft>
              <a:buClrTx/>
              <a:buSzTx/>
              <a:buFontTx/>
              <a:buNone/>
              <a:tabLst/>
              <a:defRPr/>
            </a:pPr>
            <a:fld id="{DFF358DD-2331-4943-859F-F60814B25F61}" type="slidenum">
              <a:rPr kumimoji="0" lang="en-US" sz="1200" b="0" i="0" u="none" strike="noStrike" kern="1200" cap="none" spc="0" normalizeH="0" baseline="0" noProof="0" smtClean="0">
                <a:ln>
                  <a:noFill/>
                </a:ln>
                <a:solidFill>
                  <a:prstClr val="black"/>
                </a:solidFill>
                <a:effectLst/>
                <a:uLnTx/>
                <a:uFillTx/>
                <a:latin typeface="Calibri"/>
                <a:ea typeface="+mn-ea"/>
                <a:cs typeface="+mn-cs"/>
              </a:rPr>
              <a:pPr marL="0" marR="0" lvl="0" indent="0" algn="r" defTabSz="914286" rtl="0" eaLnBrk="1" fontAlgn="auto" latinLnBrk="0" hangingPunct="1">
                <a:lnSpc>
                  <a:spcPct val="100000"/>
                </a:lnSpc>
                <a:spcBef>
                  <a:spcPts val="0"/>
                </a:spcBef>
                <a:spcAft>
                  <a:spcPts val="0"/>
                </a:spcAft>
                <a:buClrTx/>
                <a:buSzTx/>
                <a:buFontTx/>
                <a:buNone/>
                <a:tabLst/>
                <a:defRPr/>
              </a:pPr>
              <a:t>4</a:t>
            </a:fld>
            <a:endParaRPr kumimoji="0" lang="en-US" sz="1200" b="0" i="0" u="none" strike="noStrike" kern="1200" cap="none" spc="0" normalizeH="0" baseline="0" noProof="0">
              <a:ln>
                <a:noFill/>
              </a:ln>
              <a:solidFill>
                <a:prstClr val="black"/>
              </a:solidFill>
              <a:effectLst/>
              <a:uLnTx/>
              <a:uFillTx/>
              <a:latin typeface="Calibri"/>
              <a:ea typeface="+mn-ea"/>
              <a:cs typeface="+mn-cs"/>
            </a:endParaRPr>
          </a:p>
        </p:txBody>
      </p:sp>
    </p:spTree>
    <p:extLst>
      <p:ext uri="{BB962C8B-B14F-4D97-AF65-F5344CB8AC3E}">
        <p14:creationId xmlns:p14="http://schemas.microsoft.com/office/powerpoint/2010/main" val="279900015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IN" dirty="0"/>
              <a:t>Here</a:t>
            </a:r>
            <a:r>
              <a:rPr lang="en-IN" baseline="0" dirty="0"/>
              <a:t> are some examples of WHY it matters: How </a:t>
            </a:r>
            <a:r>
              <a:rPr lang="en-IN" baseline="0" dirty="0" err="1"/>
              <a:t>SDoH</a:t>
            </a:r>
            <a:r>
              <a:rPr lang="en-IN" baseline="0" dirty="0"/>
              <a:t> impacts health outcomes</a:t>
            </a:r>
          </a:p>
          <a:p>
            <a:endParaRPr lang="en-IN" dirty="0"/>
          </a:p>
          <a:p>
            <a:r>
              <a:rPr lang="en-IN" baseline="0" dirty="0"/>
              <a:t>If we take a look at education and literacy levels…. – life</a:t>
            </a:r>
            <a:r>
              <a:rPr lang="en-IN" dirty="0"/>
              <a:t> expectancy</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schemeClr val="bg1"/>
                </a:solidFill>
                <a:latin typeface="Arial" panose="020B0604020202020204" pitchFamily="34" charset="0"/>
                <a:cs typeface="Arial" panose="020B0604020202020204" pitchFamily="34" charset="0"/>
              </a:rPr>
              <a:t>Those without a high school diploma live 8 years less than those with a bachelor degree or higher.</a:t>
            </a:r>
            <a:r>
              <a:rPr lang="en-US" baseline="30000" dirty="0">
                <a:solidFill>
                  <a:schemeClr val="bg1"/>
                </a:solidFill>
                <a:latin typeface="Arial" panose="020B0604020202020204" pitchFamily="34" charset="0"/>
                <a:cs typeface="Arial" panose="020B0604020202020204" pitchFamily="34" charset="0"/>
              </a:rPr>
              <a:t>3</a:t>
            </a:r>
          </a:p>
          <a:p>
            <a:endParaRPr lang="en-IN" dirty="0"/>
          </a:p>
          <a:p>
            <a:r>
              <a:rPr lang="en-IN" baseline="0" dirty="0"/>
              <a:t>Again</a:t>
            </a:r>
            <a:r>
              <a:rPr lang="en-IN" dirty="0"/>
              <a:t> at education level – tobacco use</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solidFill>
                  <a:schemeClr val="bg1"/>
                </a:solidFill>
                <a:latin typeface="Arial" panose="020B0604020202020204" pitchFamily="34" charset="0"/>
                <a:cs typeface="Arial" panose="020B0604020202020204" pitchFamily="34" charset="0"/>
              </a:rPr>
              <a:t>21.7% of adults with high school diplomas smoke, vs. 5.4% of adults who have graduate degrees.</a:t>
            </a:r>
            <a:r>
              <a:rPr lang="en-US" sz="1200" baseline="30000" dirty="0">
                <a:solidFill>
                  <a:schemeClr val="bg1"/>
                </a:solidFill>
                <a:latin typeface="Arial" panose="020B0604020202020204" pitchFamily="34" charset="0"/>
                <a:cs typeface="Arial" panose="020B0604020202020204" pitchFamily="34" charset="0"/>
              </a:rPr>
              <a:t>3</a:t>
            </a:r>
          </a:p>
          <a:p>
            <a:endParaRPr lang="en-IN" dirty="0"/>
          </a:p>
          <a:p>
            <a:r>
              <a:rPr lang="en-IN" baseline="0" dirty="0"/>
              <a:t>Last: Overall</a:t>
            </a:r>
            <a:r>
              <a:rPr lang="en-IN" dirty="0"/>
              <a:t> social impacts:</a:t>
            </a:r>
          </a:p>
          <a:p>
            <a:r>
              <a:rPr lang="en-US" dirty="0">
                <a:latin typeface="Arial" panose="020B0604020202020204" pitchFamily="34" charset="0"/>
                <a:cs typeface="Arial" panose="020B0604020202020204" pitchFamily="34" charset="0"/>
              </a:rPr>
              <a:t>Individuals with unmet social needs are more likely to have chronic conditions, double the rate of ER visits, nearly double the rate of depression, and 60% greater prevalence of diabetes.</a:t>
            </a:r>
            <a:r>
              <a:rPr lang="en-US" baseline="30000" dirty="0">
                <a:latin typeface="Arial" panose="020B0604020202020204" pitchFamily="34" charset="0"/>
                <a:cs typeface="Arial" panose="020B0604020202020204" pitchFamily="34" charset="0"/>
              </a:rPr>
              <a:t>4</a:t>
            </a:r>
            <a:r>
              <a:rPr lang="en-US" dirty="0">
                <a:latin typeface="Arial" panose="020B0604020202020204" pitchFamily="34" charset="0"/>
                <a:cs typeface="Arial" panose="020B0604020202020204" pitchFamily="34" charset="0"/>
              </a:rPr>
              <a:t> </a:t>
            </a:r>
          </a:p>
          <a:p>
            <a:endParaRPr lang="en-IN" baseline="0" dirty="0"/>
          </a:p>
          <a:p>
            <a:r>
              <a:rPr lang="en-IN" baseline="0" dirty="0"/>
              <a:t>We see the correlation of social factor to health outcomes</a:t>
            </a:r>
          </a:p>
        </p:txBody>
      </p:sp>
      <p:sp>
        <p:nvSpPr>
          <p:cNvPr id="4" name="Slide Number Placeholder 3"/>
          <p:cNvSpPr>
            <a:spLocks noGrp="1"/>
          </p:cNvSpPr>
          <p:nvPr>
            <p:ph type="sldNum" sz="quarter" idx="10"/>
          </p:nvPr>
        </p:nvSpPr>
        <p:spPr/>
        <p:txBody>
          <a:bodyPr/>
          <a:lstStyle/>
          <a:p>
            <a:fld id="{7CCC913F-5BCE-4D44-9B09-99FD47B961D1}" type="slidenum">
              <a:rPr lang="en-US" smtClean="0"/>
              <a:pPr/>
              <a:t>5</a:t>
            </a:fld>
            <a:endParaRPr lang="en-US" dirty="0"/>
          </a:p>
        </p:txBody>
      </p:sp>
    </p:spTree>
    <p:extLst>
      <p:ext uri="{BB962C8B-B14F-4D97-AF65-F5344CB8AC3E}">
        <p14:creationId xmlns:p14="http://schemas.microsoft.com/office/powerpoint/2010/main" val="263511372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kern="1200" baseline="0" dirty="0">
                <a:solidFill>
                  <a:schemeClr val="tx1"/>
                </a:solidFill>
                <a:latin typeface="+mn-lt"/>
                <a:ea typeface="+mn-ea"/>
                <a:cs typeface="+mn-cs"/>
              </a:rPr>
              <a:t>So we know why equity is important, and impacts of the social determinants to overall health, but HOW can we identify the patients most are risk?</a:t>
            </a:r>
          </a:p>
          <a:p>
            <a:pPr marL="0" marR="0" indent="0" algn="l" defTabSz="914400" rtl="0" eaLnBrk="1" fontAlgn="auto" latinLnBrk="0" hangingPunct="1">
              <a:lnSpc>
                <a:spcPct val="100000"/>
              </a:lnSpc>
              <a:spcBef>
                <a:spcPts val="0"/>
              </a:spcBef>
              <a:spcAft>
                <a:spcPts val="0"/>
              </a:spcAft>
              <a:buClrTx/>
              <a:buSzTx/>
              <a:buFontTx/>
              <a:buNone/>
              <a:tabLst/>
              <a:defRPr/>
            </a:pPr>
            <a:endParaRPr lang="en-US" sz="1200" b="0" i="0" u="none" strike="noStrike" kern="1200" baseline="0" dirty="0">
              <a:solidFill>
                <a:schemeClr val="tx1"/>
              </a:solidFill>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kern="1200" baseline="0" dirty="0">
                <a:solidFill>
                  <a:schemeClr val="tx1"/>
                </a:solidFill>
                <a:latin typeface="+mn-lt"/>
                <a:ea typeface="+mn-ea"/>
                <a:cs typeface="+mn-cs"/>
              </a:rPr>
              <a:t>Well, one way is by understanding where they live, and the trends for that are - </a:t>
            </a:r>
          </a:p>
          <a:p>
            <a:pPr marL="0" marR="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kern="1200" baseline="0" dirty="0">
                <a:solidFill>
                  <a:schemeClr val="tx1"/>
                </a:solidFill>
                <a:latin typeface="+mn-lt"/>
                <a:ea typeface="+mn-ea"/>
                <a:cs typeface="+mn-cs"/>
              </a:rPr>
              <a:t>We can learn a lot a</a:t>
            </a:r>
            <a:r>
              <a:rPr lang="en-US" dirty="0"/>
              <a:t>bout people by </a:t>
            </a:r>
            <a:r>
              <a:rPr lang="en-US" sz="1200" b="0" i="0" u="none" strike="noStrike" kern="1200" baseline="0" dirty="0">
                <a:solidFill>
                  <a:schemeClr val="tx1"/>
                </a:solidFill>
                <a:latin typeface="+mn-lt"/>
                <a:ea typeface="+mn-ea"/>
                <a:cs typeface="+mn-cs"/>
              </a:rPr>
              <a:t>the risk factors in their communities </a:t>
            </a:r>
          </a:p>
          <a:p>
            <a:pPr marL="0" marR="0" indent="0" algn="l" defTabSz="914400" rtl="0" eaLnBrk="1" fontAlgn="auto" latinLnBrk="0" hangingPunct="1">
              <a:lnSpc>
                <a:spcPct val="100000"/>
              </a:lnSpc>
              <a:spcBef>
                <a:spcPts val="0"/>
              </a:spcBef>
              <a:spcAft>
                <a:spcPts val="0"/>
              </a:spcAft>
              <a:buClrTx/>
              <a:buSzTx/>
              <a:buFontTx/>
              <a:buNone/>
              <a:tabLst/>
              <a:defRPr/>
            </a:pPr>
            <a:endParaRPr lang="en-US" sz="1200" b="0" i="0" u="none" strike="noStrike" kern="1200" baseline="0" dirty="0">
              <a:solidFill>
                <a:schemeClr val="tx1"/>
              </a:solidFill>
              <a:latin typeface="+mn-lt"/>
              <a:ea typeface="+mn-ea"/>
              <a:cs typeface="+mn-cs"/>
            </a:endParaRPr>
          </a:p>
          <a:p>
            <a:pPr marL="0" marR="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kern="1200" baseline="0" dirty="0">
                <a:solidFill>
                  <a:schemeClr val="tx1"/>
                </a:solidFill>
                <a:latin typeface="+mn-lt"/>
                <a:ea typeface="+mn-ea"/>
                <a:cs typeface="+mn-cs"/>
              </a:rPr>
              <a:t>Enter the SDI or Social Determinants Index – </a:t>
            </a:r>
            <a:r>
              <a:rPr lang="en-US" sz="1200" b="0" i="0" u="none" strike="noStrike" kern="1200" baseline="0" dirty="0">
                <a:solidFill>
                  <a:srgbClr val="FF0000"/>
                </a:solidFill>
                <a:latin typeface="+mn-lt"/>
                <a:ea typeface="+mn-ea"/>
                <a:cs typeface="+mn-cs"/>
              </a:rPr>
              <a:t>DEVELOP – Explain.</a:t>
            </a:r>
          </a:p>
          <a:p>
            <a:pPr marL="0" marR="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kern="1200" baseline="0" dirty="0">
                <a:solidFill>
                  <a:schemeClr val="tx1"/>
                </a:solidFill>
                <a:latin typeface="+mn-lt"/>
                <a:ea typeface="+mn-ea"/>
                <a:cs typeface="+mn-cs"/>
              </a:rPr>
              <a:t>The SDI is a composite score that characterizes a given community for social determinants of health at the census tract level. A higher index score represents a census tract with a higher level of social determinants where a community is facing more daily living obstacles; whereas a community with a lower index score faces fewer obstacles. In another words, a high SDI score typically indicates greater risk for unmet social needs. </a:t>
            </a:r>
          </a:p>
          <a:p>
            <a:endParaRPr lang="en-US" sz="1200" b="0" i="0" u="none" strike="noStrike" kern="1200" baseline="0" dirty="0">
              <a:solidFill>
                <a:schemeClr val="tx1"/>
              </a:solidFill>
              <a:latin typeface="+mn-lt"/>
              <a:ea typeface="+mn-ea"/>
              <a:cs typeface="+mn-cs"/>
            </a:endParaRPr>
          </a:p>
          <a:p>
            <a:r>
              <a:rPr lang="en-US" sz="1200" b="0" i="0" u="none" strike="noStrike" kern="1200" baseline="0" dirty="0">
                <a:solidFill>
                  <a:schemeClr val="tx1"/>
                </a:solidFill>
                <a:latin typeface="+mn-lt"/>
                <a:ea typeface="+mn-ea"/>
                <a:cs typeface="+mn-cs"/>
              </a:rPr>
              <a:t>To create</a:t>
            </a:r>
            <a:r>
              <a:rPr lang="en-US" sz="1200" b="0" i="0" u="none" strike="noStrike" kern="1200" dirty="0">
                <a:solidFill>
                  <a:schemeClr val="tx1"/>
                </a:solidFill>
                <a:latin typeface="+mn-lt"/>
                <a:ea typeface="+mn-ea"/>
                <a:cs typeface="+mn-cs"/>
              </a:rPr>
              <a:t> the composite score, we leverage </a:t>
            </a:r>
            <a:r>
              <a:rPr lang="en-US" sz="1200" b="0" i="0" u="none" strike="noStrike" kern="1200" baseline="0" dirty="0">
                <a:solidFill>
                  <a:schemeClr val="tx1"/>
                </a:solidFill>
                <a:latin typeface="+mn-lt"/>
                <a:ea typeface="+mn-ea"/>
                <a:cs typeface="+mn-cs"/>
              </a:rPr>
              <a:t>seventeen criteria that fall into these six domains of social determinants of health: economy, education, culture, health, infrastructure, and food access. </a:t>
            </a:r>
          </a:p>
          <a:p>
            <a:r>
              <a:rPr lang="en-US" sz="1200" b="0" i="0" u="none" strike="noStrike" kern="1200" baseline="0" dirty="0">
                <a:solidFill>
                  <a:schemeClr val="tx1"/>
                </a:solidFill>
                <a:latin typeface="+mn-lt"/>
                <a:ea typeface="+mn-ea"/>
                <a:cs typeface="+mn-cs"/>
              </a:rPr>
              <a:t>Info from U.S. Census and U.S. Department of Agriculture,</a:t>
            </a:r>
            <a:r>
              <a:rPr lang="en-US" sz="1200" b="0" i="0" u="none" strike="noStrike" kern="1200" dirty="0">
                <a:solidFill>
                  <a:schemeClr val="tx1"/>
                </a:solidFill>
                <a:latin typeface="+mn-lt"/>
                <a:ea typeface="+mn-ea"/>
                <a:cs typeface="+mn-cs"/>
              </a:rPr>
              <a:t> created</a:t>
            </a:r>
            <a:r>
              <a:rPr lang="en-US" sz="1200" b="0" i="0" u="none" strike="noStrike" kern="1200" baseline="0" dirty="0">
                <a:solidFill>
                  <a:schemeClr val="tx1"/>
                </a:solidFill>
                <a:latin typeface="+mn-lt"/>
                <a:ea typeface="+mn-ea"/>
                <a:cs typeface="+mn-cs"/>
              </a:rPr>
              <a:t> weighted syste</a:t>
            </a:r>
            <a:r>
              <a:rPr lang="en-US" dirty="0"/>
              <a:t>m for total score.</a:t>
            </a:r>
          </a:p>
          <a:p>
            <a:r>
              <a:rPr lang="en-US" sz="1200" b="0" i="0" u="none" strike="noStrike" kern="1200" baseline="0" dirty="0">
                <a:solidFill>
                  <a:schemeClr val="tx1"/>
                </a:solidFill>
                <a:latin typeface="+mn-lt"/>
                <a:ea typeface="+mn-ea"/>
                <a:cs typeface="+mn-cs"/>
              </a:rPr>
              <a:t> For example, the economy domain is typically weighted more heavily due to the high impact that income has on health outcomes. </a:t>
            </a:r>
          </a:p>
          <a:p>
            <a:endParaRPr lang="en-US" sz="1200" b="0" i="0" u="none" strike="noStrike" kern="1200" baseline="0" dirty="0">
              <a:solidFill>
                <a:schemeClr val="tx1"/>
              </a:solidFill>
              <a:latin typeface="+mn-lt"/>
              <a:ea typeface="+mn-ea"/>
              <a:cs typeface="+mn-cs"/>
            </a:endParaRPr>
          </a:p>
          <a:p>
            <a:endParaRPr lang="en-US" sz="1400" kern="1200" dirty="0">
              <a:solidFill>
                <a:schemeClr val="tx1"/>
              </a:solidFill>
              <a:effectLst/>
              <a:latin typeface="+mn-lt"/>
              <a:ea typeface="+mn-ea"/>
              <a:cs typeface="+mn-cs"/>
            </a:endParaRPr>
          </a:p>
          <a:p>
            <a:endParaRPr lang="en-US" sz="1400" kern="1200" dirty="0">
              <a:solidFill>
                <a:schemeClr val="tx1"/>
              </a:solidFill>
              <a:effectLst/>
              <a:latin typeface="+mn-lt"/>
              <a:ea typeface="+mn-ea"/>
              <a:cs typeface="+mn-cs"/>
            </a:endParaRPr>
          </a:p>
          <a:p>
            <a:endParaRPr lang="en-US" dirty="0"/>
          </a:p>
          <a:p>
            <a:endParaRPr lang="en-US" dirty="0"/>
          </a:p>
          <a:p>
            <a:endParaRPr lang="en-US" dirty="0"/>
          </a:p>
          <a:p>
            <a:endParaRPr lang="en-US" dirty="0"/>
          </a:p>
        </p:txBody>
      </p:sp>
      <p:sp>
        <p:nvSpPr>
          <p:cNvPr id="4" name="Slide Number Placeholder 3"/>
          <p:cNvSpPr>
            <a:spLocks noGrp="1"/>
          </p:cNvSpPr>
          <p:nvPr>
            <p:ph type="sldNum" sz="quarter" idx="10"/>
          </p:nvPr>
        </p:nvSpPr>
        <p:spPr/>
        <p:txBody>
          <a:bodyPr/>
          <a:lstStyle/>
          <a:p>
            <a:fld id="{81E73C41-2B18-4A14-B919-04A58C00CB3C}" type="slidenum">
              <a:rPr lang="en-US" smtClean="0"/>
              <a:t>6</a:t>
            </a:fld>
            <a:endParaRPr lang="en-US"/>
          </a:p>
        </p:txBody>
      </p:sp>
    </p:spTree>
    <p:extLst>
      <p:ext uri="{BB962C8B-B14F-4D97-AF65-F5344CB8AC3E}">
        <p14:creationId xmlns:p14="http://schemas.microsoft.com/office/powerpoint/2010/main" val="279907850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w we’ve covered the why health equity is Important and how a scoring system can be used to identify patients that have higher risk for overall health disparities – </a:t>
            </a:r>
          </a:p>
          <a:p>
            <a:r>
              <a:rPr lang="en-US" dirty="0"/>
              <a:t>Lets now take a look a the impacts and correlations between the SDI Index scoring system and various health impacts </a:t>
            </a:r>
          </a:p>
        </p:txBody>
      </p:sp>
      <p:sp>
        <p:nvSpPr>
          <p:cNvPr id="4" name="Slide Number Placeholder 3"/>
          <p:cNvSpPr>
            <a:spLocks noGrp="1"/>
          </p:cNvSpPr>
          <p:nvPr>
            <p:ph type="sldNum" sz="quarter" idx="10"/>
          </p:nvPr>
        </p:nvSpPr>
        <p:spPr/>
        <p:txBody>
          <a:bodyPr/>
          <a:lstStyle/>
          <a:p>
            <a:fld id="{A16CFAD1-D197-4A88-B173-A6412E995EE5}" type="slidenum">
              <a:rPr lang="en-GB" smtClean="0"/>
              <a:pPr/>
              <a:t>7</a:t>
            </a:fld>
            <a:endParaRPr lang="en-GB"/>
          </a:p>
        </p:txBody>
      </p:sp>
      <p:sp>
        <p:nvSpPr>
          <p:cNvPr id="5" name="Footer Placeholder 4"/>
          <p:cNvSpPr>
            <a:spLocks noGrp="1"/>
          </p:cNvSpPr>
          <p:nvPr>
            <p:ph type="ftr" sz="quarter" idx="11"/>
          </p:nvPr>
        </p:nvSpPr>
        <p:spPr/>
        <p:txBody>
          <a:bodyPr/>
          <a:lstStyle/>
          <a:p>
            <a:endParaRPr lang="en-GB"/>
          </a:p>
        </p:txBody>
      </p:sp>
      <p:sp>
        <p:nvSpPr>
          <p:cNvPr id="6" name="Header Placeholder 5"/>
          <p:cNvSpPr>
            <a:spLocks noGrp="1"/>
          </p:cNvSpPr>
          <p:nvPr>
            <p:ph type="hdr" sz="quarter" idx="12"/>
          </p:nvPr>
        </p:nvSpPr>
        <p:spPr/>
        <p:txBody>
          <a:bodyPr/>
          <a:lstStyle/>
          <a:p>
            <a:endParaRPr lang="en-GB"/>
          </a:p>
        </p:txBody>
      </p:sp>
    </p:spTree>
    <p:extLst>
      <p:ext uri="{BB962C8B-B14F-4D97-AF65-F5344CB8AC3E}">
        <p14:creationId xmlns:p14="http://schemas.microsoft.com/office/powerpoint/2010/main" val="61273623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aseline="0" dirty="0"/>
              <a:t>Then we can take a look at Chronic diseases and SDI correlation there – there are additional impact of geographic/SDI location to disease </a:t>
            </a:r>
            <a:r>
              <a:rPr lang="en-US" baseline="0" dirty="0" err="1"/>
              <a:t>prevalance</a:t>
            </a:r>
            <a:endParaRPr lang="en-US" baseline="0" dirty="0"/>
          </a:p>
          <a:p>
            <a:endParaRPr lang="en-US" baseline="0" dirty="0"/>
          </a:p>
          <a:p>
            <a:r>
              <a:rPr lang="en-US" baseline="0" dirty="0"/>
              <a:t>Employed single mothers are 40% more likely to have a cardiovascular health problem and 74 % more </a:t>
            </a:r>
            <a:r>
              <a:rPr lang="en-US" baseline="0" dirty="0" err="1"/>
              <a:t>liketly</a:t>
            </a:r>
            <a:r>
              <a:rPr lang="en-US" baseline="0" dirty="0"/>
              <a:t> to have a stroke compared to employed married women</a:t>
            </a:r>
          </a:p>
          <a:p>
            <a:endParaRPr lang="en-US" baseline="0" dirty="0"/>
          </a:p>
        </p:txBody>
      </p:sp>
      <p:sp>
        <p:nvSpPr>
          <p:cNvPr id="4" name="Slide Number Placeholder 3"/>
          <p:cNvSpPr>
            <a:spLocks noGrp="1"/>
          </p:cNvSpPr>
          <p:nvPr>
            <p:ph type="sldNum" sz="quarter" idx="10"/>
          </p:nvPr>
        </p:nvSpPr>
        <p:spPr/>
        <p:txBody>
          <a:bodyPr/>
          <a:lstStyle/>
          <a:p>
            <a:fld id="{81E73C41-2B18-4A14-B919-04A58C00CB3C}" type="slidenum">
              <a:rPr lang="en-US" smtClean="0"/>
              <a:t>8</a:t>
            </a:fld>
            <a:endParaRPr lang="en-US" dirty="0"/>
          </a:p>
        </p:txBody>
      </p:sp>
    </p:spTree>
    <p:extLst>
      <p:ext uri="{BB962C8B-B14F-4D97-AF65-F5344CB8AC3E}">
        <p14:creationId xmlns:p14="http://schemas.microsoft.com/office/powerpoint/2010/main" val="402922058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dirty="0">
                <a:latin typeface="Arial" panose="020B0604020202020204" pitchFamily="34" charset="0"/>
                <a:cs typeface="Arial" panose="020B0604020202020204" pitchFamily="34" charset="0"/>
              </a:rPr>
              <a:t>Medication Adherence – </a:t>
            </a:r>
            <a:r>
              <a:rPr lang="en-US" sz="1200" b="1" dirty="0">
                <a:solidFill>
                  <a:srgbClr val="FF0000"/>
                </a:solidFill>
                <a:latin typeface="Arial" panose="020B0604020202020204" pitchFamily="34" charset="0"/>
                <a:cs typeface="Arial" panose="020B0604020202020204" pitchFamily="34" charset="0"/>
              </a:rPr>
              <a:t>MPR</a:t>
            </a:r>
            <a:r>
              <a:rPr lang="en-US" sz="1200" b="1" baseline="0" dirty="0">
                <a:solidFill>
                  <a:srgbClr val="FF0000"/>
                </a:solidFill>
                <a:latin typeface="Arial" panose="020B0604020202020204" pitchFamily="34" charset="0"/>
                <a:cs typeface="Arial" panose="020B0604020202020204" pitchFamily="34" charset="0"/>
              </a:rPr>
              <a:t> vs PDC</a:t>
            </a:r>
            <a:endParaRPr lang="en-US" sz="1200" b="1" dirty="0">
              <a:solidFill>
                <a:srgbClr val="FF0000"/>
              </a:solidFill>
              <a:latin typeface="Arial" panose="020B0604020202020204" pitchFamily="34" charset="0"/>
              <a:cs typeface="Arial" panose="020B0604020202020204" pitchFamily="34" charset="0"/>
            </a:endParaRPr>
          </a:p>
          <a:p>
            <a:endParaRPr lang="en-US" sz="1200" dirty="0">
              <a:latin typeface="Arial" panose="020B0604020202020204" pitchFamily="34" charset="0"/>
              <a:cs typeface="Arial" panose="020B0604020202020204" pitchFamily="34" charset="0"/>
            </a:endParaRPr>
          </a:p>
          <a:p>
            <a:r>
              <a:rPr lang="en-US" sz="1200" dirty="0">
                <a:latin typeface="Arial" panose="020B0604020202020204" pitchFamily="34" charset="0"/>
                <a:cs typeface="Arial" panose="020B0604020202020204" pitchFamily="34" charset="0"/>
              </a:rPr>
              <a:t>We also see that customers</a:t>
            </a:r>
            <a:r>
              <a:rPr lang="en-US" sz="1200" baseline="0" dirty="0">
                <a:latin typeface="Arial" panose="020B0604020202020204" pitchFamily="34" charset="0"/>
                <a:cs typeface="Arial" panose="020B0604020202020204" pitchFamily="34" charset="0"/>
              </a:rPr>
              <a:t> living in areas of high SDI are more likely to be non-adherent to their medications – this was true for all gaps in care measures but we found this to be particularly true for diabetes medications.  </a:t>
            </a:r>
            <a:endParaRPr lang="en-US" sz="1200" dirty="0">
              <a:latin typeface="Arial" panose="020B0604020202020204" pitchFamily="34" charset="0"/>
              <a:cs typeface="Arial" panose="020B0604020202020204" pitchFamily="34" charset="0"/>
            </a:endParaRPr>
          </a:p>
          <a:p>
            <a:endParaRPr lang="en-US" sz="1200" dirty="0">
              <a:latin typeface="Arial" panose="020B0604020202020204" pitchFamily="34" charset="0"/>
              <a:cs typeface="Arial" panose="020B0604020202020204" pitchFamily="34" charset="0"/>
            </a:endParaRPr>
          </a:p>
          <a:p>
            <a:endParaRPr lang="en-US" sz="1200" dirty="0">
              <a:latin typeface="Arial" panose="020B0604020202020204" pitchFamily="34" charset="0"/>
              <a:cs typeface="Arial" panose="020B0604020202020204" pitchFamily="34" charset="0"/>
            </a:endParaRPr>
          </a:p>
          <a:p>
            <a:r>
              <a:rPr lang="en-US" sz="1200" dirty="0">
                <a:latin typeface="Arial" panose="020B0604020202020204" pitchFamily="34" charset="0"/>
                <a:cs typeface="Arial" panose="020B0604020202020204" pitchFamily="34" charset="0"/>
              </a:rPr>
              <a:t>SGLT2  - glucose inhibitor</a:t>
            </a:r>
          </a:p>
          <a:p>
            <a:r>
              <a:rPr lang="en-US" dirty="0"/>
              <a:t>sulfonylurea  - </a:t>
            </a:r>
            <a:r>
              <a:rPr lang="en-US" sz="1200" b="0" i="0" kern="1200" dirty="0">
                <a:solidFill>
                  <a:schemeClr val="tx1"/>
                </a:solidFill>
                <a:effectLst/>
                <a:latin typeface="+mn-lt"/>
                <a:ea typeface="+mn-ea"/>
                <a:cs typeface="+mn-cs"/>
              </a:rPr>
              <a:t>increasing insulin release from the beta cells in the pancreas</a:t>
            </a:r>
          </a:p>
          <a:p>
            <a:endParaRPr lang="en-US" sz="1200" b="0" i="0" kern="1200" dirty="0">
              <a:solidFill>
                <a:schemeClr val="tx1"/>
              </a:solidFill>
              <a:effectLst/>
              <a:latin typeface="+mn-lt"/>
              <a:ea typeface="+mn-ea"/>
              <a:cs typeface="+mn-cs"/>
            </a:endParaRPr>
          </a:p>
          <a:p>
            <a:r>
              <a:rPr lang="en-US" sz="1200" b="0" i="0" kern="1200" dirty="0">
                <a:solidFill>
                  <a:schemeClr val="tx1"/>
                </a:solidFill>
                <a:effectLst/>
                <a:latin typeface="+mn-lt"/>
                <a:ea typeface="+mn-ea"/>
                <a:cs typeface="+mn-cs"/>
              </a:rPr>
              <a:t>…this is some of the data that has led us</a:t>
            </a:r>
            <a:r>
              <a:rPr lang="en-US" sz="1200" b="0" i="0" kern="1200" baseline="0" dirty="0">
                <a:solidFill>
                  <a:schemeClr val="tx1"/>
                </a:solidFill>
                <a:effectLst/>
                <a:latin typeface="+mn-lt"/>
                <a:ea typeface="+mn-ea"/>
                <a:cs typeface="+mn-cs"/>
              </a:rPr>
              <a:t> to USE SDI in our program initiatives</a:t>
            </a:r>
            <a:endParaRPr lang="en-US" sz="1200" b="0" i="0" kern="1200" dirty="0">
              <a:solidFill>
                <a:schemeClr val="tx1"/>
              </a:solidFill>
              <a:effectLst/>
              <a:latin typeface="+mn-lt"/>
              <a:ea typeface="+mn-ea"/>
              <a:cs typeface="+mn-cs"/>
            </a:endParaRPr>
          </a:p>
        </p:txBody>
      </p:sp>
      <p:sp>
        <p:nvSpPr>
          <p:cNvPr id="4" name="Slide Number Placeholder 3"/>
          <p:cNvSpPr>
            <a:spLocks noGrp="1"/>
          </p:cNvSpPr>
          <p:nvPr>
            <p:ph type="sldNum" sz="quarter" idx="10"/>
          </p:nvPr>
        </p:nvSpPr>
        <p:spPr/>
        <p:txBody>
          <a:bodyPr/>
          <a:lstStyle/>
          <a:p>
            <a:fld id="{81E73C41-2B18-4A14-B919-04A58C00CB3C}" type="slidenum">
              <a:rPr lang="en-US" smtClean="0"/>
              <a:t>9</a:t>
            </a:fld>
            <a:endParaRPr lang="en-US" dirty="0"/>
          </a:p>
        </p:txBody>
      </p:sp>
    </p:spTree>
    <p:extLst>
      <p:ext uri="{BB962C8B-B14F-4D97-AF65-F5344CB8AC3E}">
        <p14:creationId xmlns:p14="http://schemas.microsoft.com/office/powerpoint/2010/main" val="233611323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 Id="rId5" Type="http://schemas.openxmlformats.org/officeDocument/2006/relationships/image" Target="../media/image6.svg"/><Relationship Id="rId4" Type="http://schemas.openxmlformats.org/officeDocument/2006/relationships/image" Target="../media/image5.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8.svg"/><Relationship Id="rId4" Type="http://schemas.openxmlformats.org/officeDocument/2006/relationships/image" Target="../media/image7.png"/></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1.xml"/><Relationship Id="rId6" Type="http://schemas.openxmlformats.org/officeDocument/2006/relationships/image" Target="../media/image19.jpeg"/><Relationship Id="rId5" Type="http://schemas.openxmlformats.org/officeDocument/2006/relationships/image" Target="../media/image18.png"/><Relationship Id="rId4" Type="http://schemas.openxmlformats.org/officeDocument/2006/relationships/image" Target="../media/image17.png"/></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3" Type="http://schemas.openxmlformats.org/officeDocument/2006/relationships/image" Target="../media/image22.svg"/><Relationship Id="rId2" Type="http://schemas.openxmlformats.org/officeDocument/2006/relationships/image" Target="../media/image21.png"/><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3" Type="http://schemas.openxmlformats.org/officeDocument/2006/relationships/image" Target="../media/image25.svg"/><Relationship Id="rId2" Type="http://schemas.openxmlformats.org/officeDocument/2006/relationships/image" Target="../media/image2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p:bg bwMode="ltGray">
      <p:bgPr>
        <a:solidFill>
          <a:schemeClr val="accent3"/>
        </a:solidFill>
        <a:effectLst/>
      </p:bgPr>
    </p:bg>
    <p:spTree>
      <p:nvGrpSpPr>
        <p:cNvPr id="1" name=""/>
        <p:cNvGrpSpPr/>
        <p:nvPr/>
      </p:nvGrpSpPr>
      <p:grpSpPr>
        <a:xfrm>
          <a:off x="0" y="0"/>
          <a:ext cx="0" cy="0"/>
          <a:chOff x="0" y="0"/>
          <a:chExt cx="0" cy="0"/>
        </a:xfrm>
      </p:grpSpPr>
      <p:pic>
        <p:nvPicPr>
          <p:cNvPr id="17" name="Graphic 16">
            <a:extLst>
              <a:ext uri="{FF2B5EF4-FFF2-40B4-BE49-F238E27FC236}">
                <a16:creationId xmlns:a16="http://schemas.microsoft.com/office/drawing/2014/main" id="{97611DA6-CBD8-F676-0EEA-0117A8D97A38}"/>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7188" y="344462"/>
            <a:ext cx="640340" cy="640340"/>
          </a:xfrm>
          <a:prstGeom prst="rect">
            <a:avLst/>
          </a:prstGeom>
        </p:spPr>
      </p:pic>
      <p:pic>
        <p:nvPicPr>
          <p:cNvPr id="4" name="Graphic 3">
            <a:extLst>
              <a:ext uri="{FF2B5EF4-FFF2-40B4-BE49-F238E27FC236}">
                <a16:creationId xmlns:a16="http://schemas.microsoft.com/office/drawing/2014/main" id="{4FF30FA6-286F-A6E2-69AF-1DC14A1829ED}"/>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50154" y="6335818"/>
            <a:ext cx="1498874" cy="249812"/>
          </a:xfrm>
          <a:prstGeom prst="rect">
            <a:avLst/>
          </a:prstGeom>
        </p:spPr>
      </p:pic>
      <p:sp>
        <p:nvSpPr>
          <p:cNvPr id="2" name="Date Placeholder 4">
            <a:extLst>
              <a:ext uri="{FF2B5EF4-FFF2-40B4-BE49-F238E27FC236}">
                <a16:creationId xmlns:a16="http://schemas.microsoft.com/office/drawing/2014/main" id="{B357ED88-B83B-847D-C23C-110A4005904B}"/>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8344D500-C0E4-C544-9016-10779FFCCDC3}" type="datetime1">
              <a:rPr lang="en-US" smtClean="0"/>
              <a:pPr/>
              <a:t>2/5/2024</a:t>
            </a:fld>
            <a:endParaRPr lang="en-US" dirty="0"/>
          </a:p>
        </p:txBody>
      </p:sp>
      <p:sp>
        <p:nvSpPr>
          <p:cNvPr id="3" name="Slide Number Placeholder 12">
            <a:extLst>
              <a:ext uri="{FF2B5EF4-FFF2-40B4-BE49-F238E27FC236}">
                <a16:creationId xmlns:a16="http://schemas.microsoft.com/office/drawing/2014/main" id="{77F5979C-8E9B-36EB-6FAC-1854557FC6B3}"/>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7" name="Title 1">
            <a:extLst>
              <a:ext uri="{FF2B5EF4-FFF2-40B4-BE49-F238E27FC236}">
                <a16:creationId xmlns:a16="http://schemas.microsoft.com/office/drawing/2014/main" id="{D2A311AA-B47B-B0B3-C304-DB56B7DC0ECF}"/>
              </a:ext>
            </a:extLst>
          </p:cNvPr>
          <p:cNvSpPr>
            <a:spLocks noGrp="1"/>
          </p:cNvSpPr>
          <p:nvPr>
            <p:ph type="ctrTitle" hasCustomPrompt="1"/>
          </p:nvPr>
        </p:nvSpPr>
        <p:spPr>
          <a:xfrm>
            <a:off x="360000" y="1477658"/>
            <a:ext cx="8556988" cy="1820862"/>
          </a:xfrm>
          <a:noFill/>
        </p:spPr>
        <p:txBody>
          <a:bodyPr anchor="b" anchorCtr="0"/>
          <a:lstStyle>
            <a:lvl1pPr algn="l">
              <a:lnSpc>
                <a:spcPct val="95000"/>
              </a:lnSpc>
              <a:defRPr sz="6000" b="1">
                <a:solidFill>
                  <a:schemeClr val="accent1"/>
                </a:solidFill>
              </a:defRPr>
            </a:lvl1pPr>
          </a:lstStyle>
          <a:p>
            <a:r>
              <a:rPr lang="en-US" dirty="0"/>
              <a:t>Click to add title</a:t>
            </a:r>
          </a:p>
        </p:txBody>
      </p:sp>
      <p:sp>
        <p:nvSpPr>
          <p:cNvPr id="8" name="Text Placeholder 4">
            <a:extLst>
              <a:ext uri="{FF2B5EF4-FFF2-40B4-BE49-F238E27FC236}">
                <a16:creationId xmlns:a16="http://schemas.microsoft.com/office/drawing/2014/main" id="{8B43E166-934C-1206-AD98-9B89D315FDBC}"/>
              </a:ext>
            </a:extLst>
          </p:cNvPr>
          <p:cNvSpPr>
            <a:spLocks noGrp="1"/>
          </p:cNvSpPr>
          <p:nvPr>
            <p:ph type="body" sz="quarter" idx="13" hasCustomPrompt="1"/>
          </p:nvPr>
        </p:nvSpPr>
        <p:spPr>
          <a:xfrm>
            <a:off x="357188" y="3402431"/>
            <a:ext cx="8556988" cy="2439264"/>
          </a:xfrm>
        </p:spPr>
        <p:txBody>
          <a:bodyPr/>
          <a:lstStyle>
            <a:lvl1pPr marL="0" indent="0">
              <a:lnSpc>
                <a:spcPct val="95000"/>
              </a:lnSpc>
              <a:buNone/>
              <a:defRPr sz="2200">
                <a:solidFill>
                  <a:schemeClr val="bg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p>
        </p:txBody>
      </p:sp>
      <p:sp>
        <p:nvSpPr>
          <p:cNvPr id="11" name="text" descr="{&quot;templafy&quot;:{&quot;id&quot;:&quot;4dd46786-6585-4b25-b66e-c75e4e81da7d&quot;}}" title="Form.Cigna_Confidentiality.EvernorthConfidentiality">
            <a:extLst>
              <a:ext uri="{FF2B5EF4-FFF2-40B4-BE49-F238E27FC236}">
                <a16:creationId xmlns:a16="http://schemas.microsoft.com/office/drawing/2014/main" id="{19123E62-73CD-CE02-9209-979AC405B7E2}"/>
              </a:ext>
            </a:extLst>
          </p:cNvPr>
          <p:cNvSpPr/>
          <p:nvPr userDrawn="1"/>
        </p:nvSpPr>
        <p:spPr>
          <a:xfrm>
            <a:off x="4243388" y="6335818"/>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bg2"/>
                </a:solidFill>
                <a:effectLst/>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F. Breaker">
    <p:bg>
      <p:bgPr>
        <a:solidFill>
          <a:schemeClr val="bg1"/>
        </a:solidFill>
        <a:effectLst/>
      </p:bgPr>
    </p:bg>
    <p:spTree>
      <p:nvGrpSpPr>
        <p:cNvPr id="1" name=""/>
        <p:cNvGrpSpPr/>
        <p:nvPr/>
      </p:nvGrpSpPr>
      <p:grpSpPr>
        <a:xfrm>
          <a:off x="0" y="0"/>
          <a:ext cx="0" cy="0"/>
          <a:chOff x="0" y="0"/>
          <a:chExt cx="0" cy="0"/>
        </a:xfrm>
      </p:grpSpPr>
      <p:sp>
        <p:nvSpPr>
          <p:cNvPr id="13" name="Date Placeholder 4">
            <a:extLst>
              <a:ext uri="{FF2B5EF4-FFF2-40B4-BE49-F238E27FC236}">
                <a16:creationId xmlns:a16="http://schemas.microsoft.com/office/drawing/2014/main" id="{D6292185-268C-5388-A289-D6FA84B09BB7}"/>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B59DBF57-160B-604B-8762-CE21F5FC6384}" type="datetime1">
              <a:rPr lang="en-US" smtClean="0"/>
              <a:t>2/5/2024</a:t>
            </a:fld>
            <a:endParaRPr lang="en-US" dirty="0"/>
          </a:p>
        </p:txBody>
      </p:sp>
      <p:sp>
        <p:nvSpPr>
          <p:cNvPr id="15" name="Slide Number Placeholder 12">
            <a:extLst>
              <a:ext uri="{FF2B5EF4-FFF2-40B4-BE49-F238E27FC236}">
                <a16:creationId xmlns:a16="http://schemas.microsoft.com/office/drawing/2014/main" id="{145FC583-E276-2C73-208A-7AD06AC81F2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18" name="Title 1">
            <a:extLst>
              <a:ext uri="{FF2B5EF4-FFF2-40B4-BE49-F238E27FC236}">
                <a16:creationId xmlns:a16="http://schemas.microsoft.com/office/drawing/2014/main" id="{9823DABA-2F4B-9723-458C-22D504518E70}"/>
              </a:ext>
            </a:extLst>
          </p:cNvPr>
          <p:cNvSpPr>
            <a:spLocks noGrp="1"/>
          </p:cNvSpPr>
          <p:nvPr>
            <p:ph type="ctrTitle" hasCustomPrompt="1"/>
          </p:nvPr>
        </p:nvSpPr>
        <p:spPr>
          <a:xfrm>
            <a:off x="1651914" y="3068491"/>
            <a:ext cx="8888172" cy="721016"/>
          </a:xfrm>
          <a:noFill/>
        </p:spPr>
        <p:txBody>
          <a:bodyPr anchor="b" anchorCtr="0"/>
          <a:lstStyle>
            <a:lvl1pPr algn="ctr">
              <a:lnSpc>
                <a:spcPts val="5000"/>
              </a:lnSpc>
              <a:defRPr sz="5000" b="1">
                <a:solidFill>
                  <a:schemeClr val="accent3"/>
                </a:solidFill>
              </a:defRPr>
            </a:lvl1pPr>
          </a:lstStyle>
          <a:p>
            <a:r>
              <a:rPr lang="en-US" dirty="0"/>
              <a:t>DIVIDER TITLE GOES HERE</a:t>
            </a:r>
          </a:p>
        </p:txBody>
      </p:sp>
      <p:sp>
        <p:nvSpPr>
          <p:cNvPr id="4" name="Freeform: Shape 13">
            <a:extLst>
              <a:ext uri="{FF2B5EF4-FFF2-40B4-BE49-F238E27FC236}">
                <a16:creationId xmlns:a16="http://schemas.microsoft.com/office/drawing/2014/main" id="{E9AFD1E3-98B5-DE67-11B1-647D0588F19E}"/>
              </a:ext>
            </a:extLst>
          </p:cNvPr>
          <p:cNvSpPr>
            <a:spLocks/>
          </p:cNvSpPr>
          <p:nvPr userDrawn="1"/>
        </p:nvSpPr>
        <p:spPr bwMode="auto">
          <a:xfrm>
            <a:off x="-3783" y="2791899"/>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2"/>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5" name="Freeform: Shape 13">
            <a:extLst>
              <a:ext uri="{FF2B5EF4-FFF2-40B4-BE49-F238E27FC236}">
                <a16:creationId xmlns:a16="http://schemas.microsoft.com/office/drawing/2014/main" id="{A8C6B1A6-872A-431A-BEC8-5FA4ECA63F62}"/>
              </a:ext>
            </a:extLst>
          </p:cNvPr>
          <p:cNvSpPr>
            <a:spLocks/>
          </p:cNvSpPr>
          <p:nvPr userDrawn="1"/>
        </p:nvSpPr>
        <p:spPr bwMode="auto">
          <a:xfrm flipH="1">
            <a:off x="11554899" y="2791900"/>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2"/>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pic>
        <p:nvPicPr>
          <p:cNvPr id="2" name="Graphic 1">
            <a:extLst>
              <a:ext uri="{FF2B5EF4-FFF2-40B4-BE49-F238E27FC236}">
                <a16:creationId xmlns:a16="http://schemas.microsoft.com/office/drawing/2014/main" id="{E9059DF3-1D4C-15EA-CA59-7EFF8FBB0B54}"/>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Tree>
    <p:extLst>
      <p:ext uri="{BB962C8B-B14F-4D97-AF65-F5344CB8AC3E}">
        <p14:creationId xmlns:p14="http://schemas.microsoft.com/office/powerpoint/2010/main" val="283011978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Agenda">
    <p:bg>
      <p:bgPr>
        <a:solidFill>
          <a:schemeClr val="bg2"/>
        </a:solidFill>
        <a:effectLst/>
      </p:bgPr>
    </p:bg>
    <p:spTree>
      <p:nvGrpSpPr>
        <p:cNvPr id="1" name=""/>
        <p:cNvGrpSpPr/>
        <p:nvPr/>
      </p:nvGrpSpPr>
      <p:grpSpPr>
        <a:xfrm>
          <a:off x="0" y="0"/>
          <a:ext cx="0" cy="0"/>
          <a:chOff x="0" y="0"/>
          <a:chExt cx="0" cy="0"/>
        </a:xfrm>
      </p:grpSpPr>
      <p:sp>
        <p:nvSpPr>
          <p:cNvPr id="13" name="text" descr="{&quot;templafy&quot;:{&quot;id&quot;:&quot;d69ed179-2cc3-4310-bf32-89f5d1dc6742&quot;}}" title="Form.Cigna_Confidentiality.Cigna_confidentiality">
            <a:extLst>
              <a:ext uri="{FF2B5EF4-FFF2-40B4-BE49-F238E27FC236}">
                <a16:creationId xmlns:a16="http://schemas.microsoft.com/office/drawing/2014/main" id="{A159AC3E-12E3-4B1C-AE15-1DC6DF697E00}"/>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
        <p:nvSpPr>
          <p:cNvPr id="8" name="Date Placeholder 4">
            <a:extLst>
              <a:ext uri="{FF2B5EF4-FFF2-40B4-BE49-F238E27FC236}">
                <a16:creationId xmlns:a16="http://schemas.microsoft.com/office/drawing/2014/main" id="{9EADFFC4-36C1-E3D2-02DF-0C962C949237}"/>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8BD3E5FE-3CB9-5347-A10D-5614B5C5FFD7}" type="datetime1">
              <a:rPr lang="en-US" smtClean="0"/>
              <a:t>2/5/2024</a:t>
            </a:fld>
            <a:endParaRPr lang="en-US" dirty="0"/>
          </a:p>
        </p:txBody>
      </p:sp>
      <p:sp>
        <p:nvSpPr>
          <p:cNvPr id="11" name="Slide Number Placeholder 12">
            <a:extLst>
              <a:ext uri="{FF2B5EF4-FFF2-40B4-BE49-F238E27FC236}">
                <a16:creationId xmlns:a16="http://schemas.microsoft.com/office/drawing/2014/main" id="{DC31EB3B-93F0-224F-F93D-BCEB301ED228}"/>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14" name="Title 1">
            <a:extLst>
              <a:ext uri="{FF2B5EF4-FFF2-40B4-BE49-F238E27FC236}">
                <a16:creationId xmlns:a16="http://schemas.microsoft.com/office/drawing/2014/main" id="{61943B75-4BFA-8C69-9ADB-D8C5CF52DF16}"/>
              </a:ext>
            </a:extLst>
          </p:cNvPr>
          <p:cNvSpPr>
            <a:spLocks noGrp="1"/>
          </p:cNvSpPr>
          <p:nvPr>
            <p:ph type="title" hasCustomPrompt="1"/>
          </p:nvPr>
        </p:nvSpPr>
        <p:spPr>
          <a:xfrm>
            <a:off x="363538" y="2331720"/>
            <a:ext cx="1939925" cy="1097280"/>
          </a:xfrm>
        </p:spPr>
        <p:txBody>
          <a:bodyPr anchor="t">
            <a:noAutofit/>
          </a:bodyPr>
          <a:lstStyle>
            <a:lvl1pPr>
              <a:defRPr sz="3600">
                <a:solidFill>
                  <a:schemeClr val="accent3"/>
                </a:solidFill>
              </a:defRPr>
            </a:lvl1pPr>
          </a:lstStyle>
          <a:p>
            <a:r>
              <a:rPr lang="en-US" dirty="0"/>
              <a:t>Agenda</a:t>
            </a:r>
          </a:p>
        </p:txBody>
      </p:sp>
      <p:sp>
        <p:nvSpPr>
          <p:cNvPr id="15" name="Content Placeholder 2">
            <a:extLst>
              <a:ext uri="{FF2B5EF4-FFF2-40B4-BE49-F238E27FC236}">
                <a16:creationId xmlns:a16="http://schemas.microsoft.com/office/drawing/2014/main" id="{A7353464-339E-7146-2D7A-3BF520AD5A98}"/>
              </a:ext>
            </a:extLst>
          </p:cNvPr>
          <p:cNvSpPr>
            <a:spLocks noGrp="1"/>
          </p:cNvSpPr>
          <p:nvPr>
            <p:ph sz="half" idx="1"/>
          </p:nvPr>
        </p:nvSpPr>
        <p:spPr>
          <a:xfrm>
            <a:off x="5606261" y="2327564"/>
            <a:ext cx="3815443" cy="3895344"/>
          </a:xfrm>
        </p:spPr>
        <p:txBody>
          <a:bodyPr>
            <a:noAutofit/>
          </a:bodyPr>
          <a:lstStyle>
            <a:lvl1pPr marL="0" indent="0">
              <a:spcBef>
                <a:spcPts val="600"/>
              </a:spcBef>
              <a:spcAft>
                <a:spcPts val="0"/>
              </a:spcAft>
              <a:buFont typeface="+mj-lt"/>
              <a:buNone/>
              <a:tabLst>
                <a:tab pos="1423988" algn="l"/>
              </a:tabLst>
              <a:defRPr sz="2000" cap="none" baseline="0">
                <a:solidFill>
                  <a:schemeClr val="tx2"/>
                </a:solidFill>
                <a:latin typeface="+mn-lt"/>
              </a:defRPr>
            </a:lvl1pPr>
            <a:lvl2pPr marL="9525" indent="0">
              <a:buFont typeface="+mj-lt"/>
              <a:buNone/>
              <a:defRPr sz="1600">
                <a:solidFill>
                  <a:schemeClr val="bg2"/>
                </a:solidFill>
                <a:latin typeface="+mn-lt"/>
              </a:defRPr>
            </a:lvl2pPr>
            <a:lvl3pPr marL="118872" indent="-171450">
              <a:buFont typeface="Arial" panose="020B0604020202020204" pitchFamily="34" charset="0"/>
              <a:buChar char="•"/>
              <a:defRPr sz="1600">
                <a:solidFill>
                  <a:schemeClr val="bg2"/>
                </a:solidFill>
                <a:latin typeface="+mn-lt"/>
              </a:defRPr>
            </a:lvl3pPr>
            <a:lvl4pPr marL="347472" indent="-173736">
              <a:buFont typeface="Arial" panose="020B0604020202020204" pitchFamily="34" charset="0"/>
              <a:buChar char="–"/>
              <a:defRPr sz="1600">
                <a:solidFill>
                  <a:schemeClr val="bg2"/>
                </a:solidFill>
                <a:latin typeface="+mn-lt"/>
              </a:defRPr>
            </a:lvl4pPr>
            <a:lvl5pPr marL="457200" indent="-109728">
              <a:buFont typeface="Arial" panose="020B0604020202020204" pitchFamily="34" charset="0"/>
              <a:buChar char="­"/>
              <a:defRPr sz="1600">
                <a:solidFill>
                  <a:schemeClr val="bg2"/>
                </a:solidFill>
                <a:latin typeface="+mn-lt"/>
              </a:defRPr>
            </a:lvl5pPr>
          </a:lstStyle>
          <a:p>
            <a:pPr lvl="0"/>
            <a:r>
              <a:rPr lang="en-US" dirty="0"/>
              <a:t>Click to edit Master text styles</a:t>
            </a:r>
          </a:p>
        </p:txBody>
      </p:sp>
      <p:sp>
        <p:nvSpPr>
          <p:cNvPr id="16" name="Content Placeholder 2">
            <a:extLst>
              <a:ext uri="{FF2B5EF4-FFF2-40B4-BE49-F238E27FC236}">
                <a16:creationId xmlns:a16="http://schemas.microsoft.com/office/drawing/2014/main" id="{B7D05B84-6D1A-041B-0E08-BCD0B2A7CD36}"/>
              </a:ext>
            </a:extLst>
          </p:cNvPr>
          <p:cNvSpPr>
            <a:spLocks noGrp="1"/>
          </p:cNvSpPr>
          <p:nvPr>
            <p:ph sz="half" idx="11" hasCustomPrompt="1"/>
          </p:nvPr>
        </p:nvSpPr>
        <p:spPr>
          <a:xfrm>
            <a:off x="4240598" y="2327564"/>
            <a:ext cx="1211285" cy="3904488"/>
          </a:xfrm>
        </p:spPr>
        <p:txBody>
          <a:bodyPr>
            <a:noAutofit/>
          </a:bodyPr>
          <a:lstStyle>
            <a:lvl1pPr marL="0" indent="0">
              <a:spcBef>
                <a:spcPts val="600"/>
              </a:spcBef>
              <a:spcAft>
                <a:spcPts val="0"/>
              </a:spcAft>
              <a:buFont typeface="+mj-lt"/>
              <a:buNone/>
              <a:tabLst>
                <a:tab pos="1423988" algn="l"/>
              </a:tabLst>
              <a:defRPr sz="2000" cap="none" baseline="0">
                <a:solidFill>
                  <a:schemeClr val="tx2"/>
                </a:solidFill>
                <a:latin typeface="Consolas" panose="020B0609020204030204" pitchFamily="49" charset="0"/>
                <a:cs typeface="Consolas" panose="020B0609020204030204" pitchFamily="49" charset="0"/>
              </a:defRPr>
            </a:lvl1pPr>
            <a:lvl2pPr marL="9525" indent="0">
              <a:buFont typeface="+mj-lt"/>
              <a:buNone/>
              <a:defRPr sz="1600">
                <a:solidFill>
                  <a:schemeClr val="tx2"/>
                </a:solidFill>
              </a:defRPr>
            </a:lvl2pPr>
            <a:lvl3pPr marL="0" indent="0">
              <a:buFont typeface="+mj-lt"/>
              <a:buNone/>
              <a:defRPr sz="1600">
                <a:solidFill>
                  <a:schemeClr val="tx2"/>
                </a:solidFill>
              </a:defRPr>
            </a:lvl3pPr>
            <a:lvl4pPr marL="203200" indent="0">
              <a:buFont typeface="+mj-lt"/>
              <a:buNone/>
              <a:defRPr sz="1400">
                <a:solidFill>
                  <a:schemeClr val="tx2"/>
                </a:solidFill>
              </a:defRPr>
            </a:lvl4pPr>
            <a:lvl5pPr marL="344488" indent="0">
              <a:buFont typeface="+mj-lt"/>
              <a:buNone/>
              <a:defRPr sz="1200">
                <a:solidFill>
                  <a:schemeClr val="tx2"/>
                </a:solidFill>
              </a:defRPr>
            </a:lvl5pPr>
          </a:lstStyle>
          <a:p>
            <a:pPr lvl="0"/>
            <a:r>
              <a:rPr lang="en-US" dirty="0"/>
              <a:t>01</a:t>
            </a:r>
          </a:p>
          <a:p>
            <a:pPr lvl="0"/>
            <a:r>
              <a:rPr lang="en-US" dirty="0"/>
              <a:t>02</a:t>
            </a:r>
          </a:p>
          <a:p>
            <a:pPr lvl="0"/>
            <a:r>
              <a:rPr lang="en-US" dirty="0"/>
              <a:t>03</a:t>
            </a:r>
          </a:p>
        </p:txBody>
      </p:sp>
    </p:spTree>
    <p:extLst>
      <p:ext uri="{BB962C8B-B14F-4D97-AF65-F5344CB8AC3E}">
        <p14:creationId xmlns:p14="http://schemas.microsoft.com/office/powerpoint/2010/main" val="219831753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accent3"/>
        </a:solidFill>
        <a:effectLst/>
      </p:bgPr>
    </p:bg>
    <p:spTree>
      <p:nvGrpSpPr>
        <p:cNvPr id="1" name=""/>
        <p:cNvGrpSpPr/>
        <p:nvPr/>
      </p:nvGrpSpPr>
      <p:grpSpPr>
        <a:xfrm>
          <a:off x="0" y="0"/>
          <a:ext cx="0" cy="0"/>
          <a:chOff x="0" y="0"/>
          <a:chExt cx="0" cy="0"/>
        </a:xfrm>
      </p:grpSpPr>
      <p:sp>
        <p:nvSpPr>
          <p:cNvPr id="13" name="text" descr="{&quot;templafy&quot;:{&quot;id&quot;:&quot;d69ed179-2cc3-4310-bf32-89f5d1dc6742&quot;}}" title="Form.Cigna_Confidentiality.Cigna_confidentiality">
            <a:extLst>
              <a:ext uri="{FF2B5EF4-FFF2-40B4-BE49-F238E27FC236}">
                <a16:creationId xmlns:a16="http://schemas.microsoft.com/office/drawing/2014/main" id="{A159AC3E-12E3-4B1C-AE15-1DC6DF697E00}"/>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bg2"/>
              </a:solidFill>
              <a:latin typeface="Consolas" panose="020B0609020204030204" pitchFamily="49" charset="0"/>
            </a:endParaRPr>
          </a:p>
        </p:txBody>
      </p:sp>
      <p:sp>
        <p:nvSpPr>
          <p:cNvPr id="15" name="Content Placeholder 2">
            <a:extLst>
              <a:ext uri="{FF2B5EF4-FFF2-40B4-BE49-F238E27FC236}">
                <a16:creationId xmlns:a16="http://schemas.microsoft.com/office/drawing/2014/main" id="{A7353464-339E-7146-2D7A-3BF520AD5A98}"/>
              </a:ext>
            </a:extLst>
          </p:cNvPr>
          <p:cNvSpPr>
            <a:spLocks noGrp="1"/>
          </p:cNvSpPr>
          <p:nvPr>
            <p:ph sz="half" idx="1"/>
          </p:nvPr>
        </p:nvSpPr>
        <p:spPr>
          <a:xfrm>
            <a:off x="5606261" y="2327564"/>
            <a:ext cx="3815443" cy="3895344"/>
          </a:xfrm>
        </p:spPr>
        <p:txBody>
          <a:bodyPr>
            <a:noAutofit/>
          </a:bodyPr>
          <a:lstStyle>
            <a:lvl1pPr marL="0" indent="0">
              <a:spcBef>
                <a:spcPts val="600"/>
              </a:spcBef>
              <a:spcAft>
                <a:spcPts val="0"/>
              </a:spcAft>
              <a:buFont typeface="+mj-lt"/>
              <a:buNone/>
              <a:tabLst>
                <a:tab pos="1423988" algn="l"/>
              </a:tabLst>
              <a:defRPr sz="2000" cap="none" baseline="0">
                <a:solidFill>
                  <a:schemeClr val="bg2"/>
                </a:solidFill>
                <a:latin typeface="+mn-lt"/>
              </a:defRPr>
            </a:lvl1pPr>
            <a:lvl2pPr marL="9525" indent="0">
              <a:buFont typeface="+mj-lt"/>
              <a:buNone/>
              <a:defRPr sz="1600">
                <a:solidFill>
                  <a:schemeClr val="tx1"/>
                </a:solidFill>
                <a:latin typeface="+mn-lt"/>
              </a:defRPr>
            </a:lvl2pPr>
            <a:lvl3pPr marL="118872" indent="-171450">
              <a:buFont typeface="Arial" panose="020B0604020202020204" pitchFamily="34" charset="0"/>
              <a:buChar char="•"/>
              <a:defRPr sz="1600">
                <a:solidFill>
                  <a:schemeClr val="tx1"/>
                </a:solidFill>
                <a:latin typeface="+mn-lt"/>
              </a:defRPr>
            </a:lvl3pPr>
            <a:lvl4pPr marL="347472" indent="-173736">
              <a:buFont typeface="Arial" panose="020B0604020202020204" pitchFamily="34" charset="0"/>
              <a:buChar char="–"/>
              <a:defRPr sz="1600">
                <a:solidFill>
                  <a:schemeClr val="tx1"/>
                </a:solidFill>
                <a:latin typeface="+mn-lt"/>
              </a:defRPr>
            </a:lvl4pPr>
            <a:lvl5pPr marL="457200" indent="-109728">
              <a:buFont typeface="Arial" panose="020B0604020202020204" pitchFamily="34" charset="0"/>
              <a:buChar char="­"/>
              <a:defRPr sz="1600">
                <a:solidFill>
                  <a:schemeClr val="tx1"/>
                </a:solidFill>
                <a:latin typeface="+mn-lt"/>
              </a:defRPr>
            </a:lvl5pPr>
          </a:lstStyle>
          <a:p>
            <a:pPr lvl="0"/>
            <a:r>
              <a:rPr lang="en-US"/>
              <a:t>Click to edit Master text styles</a:t>
            </a:r>
          </a:p>
        </p:txBody>
      </p:sp>
      <p:sp>
        <p:nvSpPr>
          <p:cNvPr id="16" name="Content Placeholder 2">
            <a:extLst>
              <a:ext uri="{FF2B5EF4-FFF2-40B4-BE49-F238E27FC236}">
                <a16:creationId xmlns:a16="http://schemas.microsoft.com/office/drawing/2014/main" id="{B7D05B84-6D1A-041B-0E08-BCD0B2A7CD36}"/>
              </a:ext>
            </a:extLst>
          </p:cNvPr>
          <p:cNvSpPr>
            <a:spLocks noGrp="1"/>
          </p:cNvSpPr>
          <p:nvPr>
            <p:ph sz="half" idx="11" hasCustomPrompt="1"/>
          </p:nvPr>
        </p:nvSpPr>
        <p:spPr>
          <a:xfrm>
            <a:off x="4240598" y="2327564"/>
            <a:ext cx="1211285" cy="3904488"/>
          </a:xfrm>
        </p:spPr>
        <p:txBody>
          <a:bodyPr>
            <a:noAutofit/>
          </a:bodyPr>
          <a:lstStyle>
            <a:lvl1pPr marL="0" indent="0">
              <a:spcBef>
                <a:spcPts val="600"/>
              </a:spcBef>
              <a:spcAft>
                <a:spcPts val="0"/>
              </a:spcAft>
              <a:buFont typeface="+mj-lt"/>
              <a:buNone/>
              <a:tabLst>
                <a:tab pos="1423988" algn="l"/>
              </a:tabLst>
              <a:defRPr sz="2000" cap="none" baseline="0">
                <a:solidFill>
                  <a:schemeClr val="bg2"/>
                </a:solidFill>
                <a:latin typeface="Consolas" panose="020B0609020204030204" pitchFamily="49" charset="0"/>
                <a:cs typeface="Consolas" panose="020B0609020204030204" pitchFamily="49" charset="0"/>
              </a:defRPr>
            </a:lvl1pPr>
            <a:lvl2pPr marL="9525" indent="0">
              <a:buFont typeface="+mj-lt"/>
              <a:buNone/>
              <a:defRPr sz="1600">
                <a:solidFill>
                  <a:schemeClr val="tx2"/>
                </a:solidFill>
              </a:defRPr>
            </a:lvl2pPr>
            <a:lvl3pPr marL="0" indent="0">
              <a:buFont typeface="+mj-lt"/>
              <a:buNone/>
              <a:defRPr sz="1600">
                <a:solidFill>
                  <a:schemeClr val="tx2"/>
                </a:solidFill>
              </a:defRPr>
            </a:lvl3pPr>
            <a:lvl4pPr marL="203200" indent="0">
              <a:buFont typeface="+mj-lt"/>
              <a:buNone/>
              <a:defRPr sz="1400">
                <a:solidFill>
                  <a:schemeClr val="tx2"/>
                </a:solidFill>
              </a:defRPr>
            </a:lvl4pPr>
            <a:lvl5pPr marL="344488" indent="0">
              <a:buFont typeface="+mj-lt"/>
              <a:buNone/>
              <a:defRPr sz="1200">
                <a:solidFill>
                  <a:schemeClr val="tx2"/>
                </a:solidFill>
              </a:defRPr>
            </a:lvl5pPr>
          </a:lstStyle>
          <a:p>
            <a:pPr lvl="0"/>
            <a:r>
              <a:rPr lang="en-US" dirty="0"/>
              <a:t>01</a:t>
            </a:r>
          </a:p>
          <a:p>
            <a:pPr lvl="0"/>
            <a:r>
              <a:rPr lang="en-US" dirty="0"/>
              <a:t>02</a:t>
            </a:r>
          </a:p>
          <a:p>
            <a:pPr lvl="0"/>
            <a:r>
              <a:rPr lang="en-US" dirty="0"/>
              <a:t>03</a:t>
            </a: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932308C-F00D-5149-B042-16284B55B0ED}" type="datetime1">
              <a:rPr lang="en-US" smtClean="0"/>
              <a:pPr/>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7" name="Title 1">
            <a:extLst>
              <a:ext uri="{FF2B5EF4-FFF2-40B4-BE49-F238E27FC236}">
                <a16:creationId xmlns:a16="http://schemas.microsoft.com/office/drawing/2014/main" id="{B392B465-3C71-30C0-C368-8E0A38CBF313}"/>
              </a:ext>
            </a:extLst>
          </p:cNvPr>
          <p:cNvSpPr>
            <a:spLocks noGrp="1"/>
          </p:cNvSpPr>
          <p:nvPr>
            <p:ph type="title" hasCustomPrompt="1"/>
          </p:nvPr>
        </p:nvSpPr>
        <p:spPr>
          <a:xfrm>
            <a:off x="363538" y="2331720"/>
            <a:ext cx="1939925" cy="1097280"/>
          </a:xfrm>
        </p:spPr>
        <p:txBody>
          <a:bodyPr anchor="t">
            <a:noAutofit/>
          </a:bodyPr>
          <a:lstStyle>
            <a:lvl1pPr>
              <a:defRPr sz="3600">
                <a:solidFill>
                  <a:schemeClr val="accent1"/>
                </a:solidFill>
              </a:defRPr>
            </a:lvl1pPr>
          </a:lstStyle>
          <a:p>
            <a:r>
              <a:rPr lang="en-US" dirty="0"/>
              <a:t>Agenda</a:t>
            </a:r>
          </a:p>
        </p:txBody>
      </p:sp>
      <p:pic>
        <p:nvPicPr>
          <p:cNvPr id="4" name="Graphic 3">
            <a:extLst>
              <a:ext uri="{FF2B5EF4-FFF2-40B4-BE49-F238E27FC236}">
                <a16:creationId xmlns:a16="http://schemas.microsoft.com/office/drawing/2014/main" id="{533D1AF2-DFB2-D783-E292-EDF5F1966AAF}"/>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
        <p:nvSpPr>
          <p:cNvPr id="11" name="text" descr="{&quot;templafy&quot;:{&quot;id&quot;:&quot;4dd46786-6585-4b25-b66e-c75e4e81da7d&quot;}}" title="Form.Cigna_Confidentiality.EvernorthConfidentiality">
            <a:extLst>
              <a:ext uri="{FF2B5EF4-FFF2-40B4-BE49-F238E27FC236}">
                <a16:creationId xmlns:a16="http://schemas.microsoft.com/office/drawing/2014/main" id="{CA26C604-DA3B-776C-A28B-F309B8E25E22}"/>
              </a:ext>
            </a:extLst>
          </p:cNvPr>
          <p:cNvSpPr/>
          <p:nvPr userDrawn="1"/>
        </p:nvSpPr>
        <p:spPr>
          <a:xfrm>
            <a:off x="4243388" y="6335818"/>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bg2"/>
                </a:solidFill>
                <a:effectLst/>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Tree>
    <p:extLst>
      <p:ext uri="{BB962C8B-B14F-4D97-AF65-F5344CB8AC3E}">
        <p14:creationId xmlns:p14="http://schemas.microsoft.com/office/powerpoint/2010/main" val="355448845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 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4"/>
                </a:solidFill>
                <a:latin typeface="Consolas" panose="020B0609020204030204" pitchFamily="49" charset="0"/>
                <a:cs typeface="Consolas" panose="020B0609020204030204" pitchFamily="49" charset="0"/>
              </a:defRPr>
            </a:lvl1pPr>
          </a:lstStyle>
          <a:p>
            <a:fld id="{55C50833-0D9E-1340-B1D5-8E8899FB5E7F}"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4"/>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7" name="Title 6">
            <a:extLst>
              <a:ext uri="{FF2B5EF4-FFF2-40B4-BE49-F238E27FC236}">
                <a16:creationId xmlns:a16="http://schemas.microsoft.com/office/drawing/2014/main" id="{54284091-3530-0F59-E45B-2F57F4071E93}"/>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
        <p:nvSpPr>
          <p:cNvPr id="12" name="Content Placeholder 11">
            <a:extLst>
              <a:ext uri="{FF2B5EF4-FFF2-40B4-BE49-F238E27FC236}">
                <a16:creationId xmlns:a16="http://schemas.microsoft.com/office/drawing/2014/main" id="{690A094D-9829-5CD5-46FA-F015F939189A}"/>
              </a:ext>
            </a:extLst>
          </p:cNvPr>
          <p:cNvSpPr>
            <a:spLocks noGrp="1"/>
          </p:cNvSpPr>
          <p:nvPr>
            <p:ph sz="quarter" idx="10"/>
          </p:nvPr>
        </p:nvSpPr>
        <p:spPr>
          <a:xfrm>
            <a:off x="362139" y="1557338"/>
            <a:ext cx="7593939" cy="4386262"/>
          </a:xfrm>
        </p:spPr>
        <p:txBody>
          <a:bodyPr/>
          <a:lstStyle/>
          <a:p>
            <a:pPr lvl="0"/>
            <a:r>
              <a:rPr lang="en-US" dirty="0"/>
              <a:t>Click to edit Master text styles</a:t>
            </a:r>
          </a:p>
          <a:p>
            <a:pPr lvl="1"/>
            <a:r>
              <a:rPr lang="en-US" dirty="0"/>
              <a:t>Second level</a:t>
            </a:r>
          </a:p>
          <a:p>
            <a:pPr lvl="2"/>
            <a:r>
              <a:rPr lang="en-US" dirty="0"/>
              <a:t>Third level</a:t>
            </a:r>
          </a:p>
        </p:txBody>
      </p:sp>
    </p:spTree>
    <p:extLst>
      <p:ext uri="{BB962C8B-B14F-4D97-AF65-F5344CB8AC3E}">
        <p14:creationId xmlns:p14="http://schemas.microsoft.com/office/powerpoint/2010/main" val="49121347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A. eyebrow_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4"/>
                </a:solidFill>
                <a:latin typeface="Consolas" panose="020B0609020204030204" pitchFamily="49" charset="0"/>
                <a:cs typeface="Consolas" panose="020B0609020204030204" pitchFamily="49" charset="0"/>
              </a:defRPr>
            </a:lvl1pPr>
          </a:lstStyle>
          <a:p>
            <a:fld id="{55C50833-0D9E-1340-B1D5-8E8899FB5E7F}"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4"/>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7" name="Title 6">
            <a:extLst>
              <a:ext uri="{FF2B5EF4-FFF2-40B4-BE49-F238E27FC236}">
                <a16:creationId xmlns:a16="http://schemas.microsoft.com/office/drawing/2014/main" id="{54284091-3530-0F59-E45B-2F57F4071E93}"/>
              </a:ext>
            </a:extLst>
          </p:cNvPr>
          <p:cNvSpPr>
            <a:spLocks noGrp="1"/>
          </p:cNvSpPr>
          <p:nvPr>
            <p:ph type="title"/>
          </p:nvPr>
        </p:nvSpPr>
        <p:spPr>
          <a:xfrm>
            <a:off x="365760" y="493241"/>
            <a:ext cx="7589836" cy="918718"/>
          </a:xfrm>
        </p:spPr>
        <p:txBody>
          <a:bodyPr/>
          <a:lstStyle>
            <a:lvl1pPr>
              <a:defRPr b="1"/>
            </a:lvl1pPr>
          </a:lstStyle>
          <a:p>
            <a:r>
              <a:rPr lang="en-US" dirty="0"/>
              <a:t>Click to edit Master title style</a:t>
            </a:r>
          </a:p>
        </p:txBody>
      </p:sp>
      <p:sp>
        <p:nvSpPr>
          <p:cNvPr id="12" name="Content Placeholder 11">
            <a:extLst>
              <a:ext uri="{FF2B5EF4-FFF2-40B4-BE49-F238E27FC236}">
                <a16:creationId xmlns:a16="http://schemas.microsoft.com/office/drawing/2014/main" id="{690A094D-9829-5CD5-46FA-F015F939189A}"/>
              </a:ext>
            </a:extLst>
          </p:cNvPr>
          <p:cNvSpPr>
            <a:spLocks noGrp="1"/>
          </p:cNvSpPr>
          <p:nvPr>
            <p:ph sz="quarter" idx="10"/>
          </p:nvPr>
        </p:nvSpPr>
        <p:spPr>
          <a:xfrm>
            <a:off x="362139" y="1557338"/>
            <a:ext cx="7593939" cy="4386262"/>
          </a:xfrm>
        </p:spPr>
        <p:txBody>
          <a:bodyPr/>
          <a:lstStyle/>
          <a:p>
            <a:pPr lvl="0"/>
            <a:r>
              <a:rPr lang="en-US"/>
              <a:t>Click to edit Master text styles</a:t>
            </a:r>
          </a:p>
          <a:p>
            <a:pPr lvl="1"/>
            <a:r>
              <a:rPr lang="en-US"/>
              <a:t>Second level</a:t>
            </a:r>
          </a:p>
          <a:p>
            <a:pPr lvl="2"/>
            <a:r>
              <a:rPr lang="en-US"/>
              <a:t>Third level</a:t>
            </a:r>
          </a:p>
        </p:txBody>
      </p:sp>
      <p:sp>
        <p:nvSpPr>
          <p:cNvPr id="4" name="Text Placeholder 4">
            <a:extLst>
              <a:ext uri="{FF2B5EF4-FFF2-40B4-BE49-F238E27FC236}">
                <a16:creationId xmlns:a16="http://schemas.microsoft.com/office/drawing/2014/main" id="{F4603E3C-26C2-E1F0-F092-9508A9E3EF72}"/>
              </a:ext>
            </a:extLst>
          </p:cNvPr>
          <p:cNvSpPr>
            <a:spLocks noGrp="1"/>
          </p:cNvSpPr>
          <p:nvPr>
            <p:ph type="body" sz="quarter" idx="17" hasCustomPrompt="1"/>
          </p:nvPr>
        </p:nvSpPr>
        <p:spPr>
          <a:xfrm>
            <a:off x="367219" y="286838"/>
            <a:ext cx="5644961" cy="159159"/>
          </a:xfrm>
        </p:spPr>
        <p:txBody>
          <a:bodyPr/>
          <a:lstStyle>
            <a:lvl1pPr marL="0" indent="0">
              <a:buNone/>
              <a:defRPr sz="1300" cap="all" baseline="0">
                <a:solidFill>
                  <a:schemeClr val="accent3"/>
                </a:solidFill>
                <a:latin typeface="Consolas" panose="020B0609020204030204" pitchFamily="49" charset="0"/>
              </a:defRPr>
            </a:lvl1pPr>
          </a:lstStyle>
          <a:p>
            <a:pPr lvl="0"/>
            <a:r>
              <a:rPr lang="da-DK" dirty="0"/>
              <a:t>Click to add title</a:t>
            </a:r>
          </a:p>
        </p:txBody>
      </p:sp>
    </p:spTree>
    <p:extLst>
      <p:ext uri="{BB962C8B-B14F-4D97-AF65-F5344CB8AC3E}">
        <p14:creationId xmlns:p14="http://schemas.microsoft.com/office/powerpoint/2010/main" val="58348977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B. 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3F50B4CB-27E0-D64B-8782-A8AF13BC76C7}" type="datetime1">
              <a:rPr lang="en-US" smtClean="0"/>
              <a:pPr/>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15" name="Picture Placeholder 6">
            <a:extLst>
              <a:ext uri="{FF2B5EF4-FFF2-40B4-BE49-F238E27FC236}">
                <a16:creationId xmlns:a16="http://schemas.microsoft.com/office/drawing/2014/main" id="{93321FD2-1175-1063-76E3-EE1C23045D32}"/>
              </a:ext>
            </a:extLst>
          </p:cNvPr>
          <p:cNvSpPr>
            <a:spLocks noGrp="1"/>
          </p:cNvSpPr>
          <p:nvPr>
            <p:ph type="pic" sz="quarter" idx="23" hasCustomPrompt="1"/>
          </p:nvPr>
        </p:nvSpPr>
        <p:spPr>
          <a:xfrm>
            <a:off x="4243388" y="1557338"/>
            <a:ext cx="7596187" cy="4386262"/>
          </a:xfrm>
          <a:solidFill>
            <a:schemeClr val="tx2"/>
          </a:solidFill>
        </p:spPr>
        <p:txBody>
          <a:bodyPr anchor="ctr"/>
          <a:lstStyle>
            <a:lvl1pPr algn="ctr">
              <a:defRPr sz="1600">
                <a:solidFill>
                  <a:schemeClr val="bg2"/>
                </a:solidFill>
                <a:latin typeface="+mj-lt"/>
              </a:defRPr>
            </a:lvl1pPr>
          </a:lstStyle>
          <a:p>
            <a:r>
              <a:rPr lang="en-US" dirty="0"/>
              <a:t>CLICK ICON TO ADD PICTURE</a:t>
            </a:r>
          </a:p>
        </p:txBody>
      </p:sp>
      <p:sp>
        <p:nvSpPr>
          <p:cNvPr id="6" name="Title 5">
            <a:extLst>
              <a:ext uri="{FF2B5EF4-FFF2-40B4-BE49-F238E27FC236}">
                <a16:creationId xmlns:a16="http://schemas.microsoft.com/office/drawing/2014/main" id="{E92AA8A6-6E1F-5822-DE3A-3A875C2467B2}"/>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
        <p:nvSpPr>
          <p:cNvPr id="7" name="Text Placeholder 6">
            <a:extLst>
              <a:ext uri="{FF2B5EF4-FFF2-40B4-BE49-F238E27FC236}">
                <a16:creationId xmlns:a16="http://schemas.microsoft.com/office/drawing/2014/main" id="{F199C1F3-AB35-5584-E74A-1C9B8E305E7D}"/>
              </a:ext>
            </a:extLst>
          </p:cNvPr>
          <p:cNvSpPr>
            <a:spLocks noGrp="1"/>
          </p:cNvSpPr>
          <p:nvPr>
            <p:ph type="body" sz="quarter" idx="24"/>
          </p:nvPr>
        </p:nvSpPr>
        <p:spPr>
          <a:xfrm>
            <a:off x="362877" y="1557338"/>
            <a:ext cx="3692069" cy="4386262"/>
          </a:xfrm>
        </p:spPr>
        <p:txBody>
          <a:body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3774006555"/>
      </p:ext>
    </p:extLst>
  </p:cSld>
  <p:clrMapOvr>
    <a:masterClrMapping/>
  </p:clrMapOvr>
  <p:extLst>
    <p:ext uri="{DCECCB84-F9BA-43D5-87BE-67443E8EF086}">
      <p15:sldGuideLst xmlns:p15="http://schemas.microsoft.com/office/powerpoint/2012/main">
        <p15:guide id="1" orient="horz" pos="1118"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 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83AF91B5-904A-9D4D-A68B-BEBB7B0EA8DB}" type="datetime1">
              <a:rPr lang="en-US" smtClean="0"/>
              <a:pPr/>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2" name="Rectangle 1">
            <a:extLst>
              <a:ext uri="{FF2B5EF4-FFF2-40B4-BE49-F238E27FC236}">
                <a16:creationId xmlns:a16="http://schemas.microsoft.com/office/drawing/2014/main" id="{6CEF1254-3823-02E0-32A3-D025F44E403F}"/>
              </a:ext>
            </a:extLst>
          </p:cNvPr>
          <p:cNvSpPr/>
          <p:nvPr userDrawn="1"/>
        </p:nvSpPr>
        <p:spPr>
          <a:xfrm>
            <a:off x="4339884" y="1667022"/>
            <a:ext cx="7420708" cy="4128867"/>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2"/>
              </a:solidFill>
            </a:endParaRPr>
          </a:p>
        </p:txBody>
      </p:sp>
      <p:sp>
        <p:nvSpPr>
          <p:cNvPr id="4" name="Picture Placeholder 11">
            <a:extLst>
              <a:ext uri="{FF2B5EF4-FFF2-40B4-BE49-F238E27FC236}">
                <a16:creationId xmlns:a16="http://schemas.microsoft.com/office/drawing/2014/main" id="{9BF6F4A3-C582-6204-AFF8-4671F73D026D}"/>
              </a:ext>
            </a:extLst>
          </p:cNvPr>
          <p:cNvSpPr>
            <a:spLocks noGrp="1"/>
          </p:cNvSpPr>
          <p:nvPr>
            <p:ph type="pic" sz="quarter" idx="10" hasCustomPrompt="1"/>
          </p:nvPr>
        </p:nvSpPr>
        <p:spPr>
          <a:xfrm>
            <a:off x="4244976" y="1552364"/>
            <a:ext cx="7589836" cy="4391235"/>
          </a:xfrm>
          <a:custGeom>
            <a:avLst/>
            <a:gdLst>
              <a:gd name="connsiteX0" fmla="*/ 7312186 w 7635336"/>
              <a:gd name="connsiteY0" fmla="*/ 3989400 h 4380144"/>
              <a:gd name="connsiteX1" fmla="*/ 7312186 w 7635336"/>
              <a:gd name="connsiteY1" fmla="*/ 4059258 h 4380144"/>
              <a:gd name="connsiteX2" fmla="*/ 7240290 w 7635336"/>
              <a:gd name="connsiteY2" fmla="*/ 4059258 h 4380144"/>
              <a:gd name="connsiteX3" fmla="*/ 7240290 w 7635336"/>
              <a:gd name="connsiteY3" fmla="*/ 4081037 h 4380144"/>
              <a:gd name="connsiteX4" fmla="*/ 7312186 w 7635336"/>
              <a:gd name="connsiteY4" fmla="*/ 4081037 h 4380144"/>
              <a:gd name="connsiteX5" fmla="*/ 7312186 w 7635336"/>
              <a:gd name="connsiteY5" fmla="*/ 4150894 h 4380144"/>
              <a:gd name="connsiteX6" fmla="*/ 7333984 w 7635336"/>
              <a:gd name="connsiteY6" fmla="*/ 4150894 h 4380144"/>
              <a:gd name="connsiteX7" fmla="*/ 7333984 w 7635336"/>
              <a:gd name="connsiteY7" fmla="*/ 4081037 h 4380144"/>
              <a:gd name="connsiteX8" fmla="*/ 7405881 w 7635336"/>
              <a:gd name="connsiteY8" fmla="*/ 4081037 h 4380144"/>
              <a:gd name="connsiteX9" fmla="*/ 7405881 w 7635336"/>
              <a:gd name="connsiteY9" fmla="*/ 4059258 h 4380144"/>
              <a:gd name="connsiteX10" fmla="*/ 7333984 w 7635336"/>
              <a:gd name="connsiteY10" fmla="*/ 4059258 h 4380144"/>
              <a:gd name="connsiteX11" fmla="*/ 7333984 w 7635336"/>
              <a:gd name="connsiteY11" fmla="*/ 3989400 h 4380144"/>
              <a:gd name="connsiteX12" fmla="*/ 298239 w 7635336"/>
              <a:gd name="connsiteY12" fmla="*/ 3989400 h 4380144"/>
              <a:gd name="connsiteX13" fmla="*/ 298239 w 7635336"/>
              <a:gd name="connsiteY13" fmla="*/ 4059258 h 4380144"/>
              <a:gd name="connsiteX14" fmla="*/ 226343 w 7635336"/>
              <a:gd name="connsiteY14" fmla="*/ 4059258 h 4380144"/>
              <a:gd name="connsiteX15" fmla="*/ 226343 w 7635336"/>
              <a:gd name="connsiteY15" fmla="*/ 4081037 h 4380144"/>
              <a:gd name="connsiteX16" fmla="*/ 298239 w 7635336"/>
              <a:gd name="connsiteY16" fmla="*/ 4081037 h 4380144"/>
              <a:gd name="connsiteX17" fmla="*/ 298239 w 7635336"/>
              <a:gd name="connsiteY17" fmla="*/ 4150894 h 4380144"/>
              <a:gd name="connsiteX18" fmla="*/ 320038 w 7635336"/>
              <a:gd name="connsiteY18" fmla="*/ 4150894 h 4380144"/>
              <a:gd name="connsiteX19" fmla="*/ 320038 w 7635336"/>
              <a:gd name="connsiteY19" fmla="*/ 4081037 h 4380144"/>
              <a:gd name="connsiteX20" fmla="*/ 391934 w 7635336"/>
              <a:gd name="connsiteY20" fmla="*/ 4081037 h 4380144"/>
              <a:gd name="connsiteX21" fmla="*/ 391934 w 7635336"/>
              <a:gd name="connsiteY21" fmla="*/ 4059258 h 4380144"/>
              <a:gd name="connsiteX22" fmla="*/ 320038 w 7635336"/>
              <a:gd name="connsiteY22" fmla="*/ 4059258 h 4380144"/>
              <a:gd name="connsiteX23" fmla="*/ 320038 w 7635336"/>
              <a:gd name="connsiteY23" fmla="*/ 3989400 h 4380144"/>
              <a:gd name="connsiteX24" fmla="*/ 7312186 w 7635336"/>
              <a:gd name="connsiteY24" fmla="*/ 222248 h 4380144"/>
              <a:gd name="connsiteX25" fmla="*/ 7312186 w 7635336"/>
              <a:gd name="connsiteY25" fmla="*/ 292106 h 4380144"/>
              <a:gd name="connsiteX26" fmla="*/ 7240290 w 7635336"/>
              <a:gd name="connsiteY26" fmla="*/ 292106 h 4380144"/>
              <a:gd name="connsiteX27" fmla="*/ 7240290 w 7635336"/>
              <a:gd name="connsiteY27" fmla="*/ 313884 h 4380144"/>
              <a:gd name="connsiteX28" fmla="*/ 7312186 w 7635336"/>
              <a:gd name="connsiteY28" fmla="*/ 313884 h 4380144"/>
              <a:gd name="connsiteX29" fmla="*/ 7312186 w 7635336"/>
              <a:gd name="connsiteY29" fmla="*/ 383742 h 4380144"/>
              <a:gd name="connsiteX30" fmla="*/ 7333984 w 7635336"/>
              <a:gd name="connsiteY30" fmla="*/ 383742 h 4380144"/>
              <a:gd name="connsiteX31" fmla="*/ 7333984 w 7635336"/>
              <a:gd name="connsiteY31" fmla="*/ 313884 h 4380144"/>
              <a:gd name="connsiteX32" fmla="*/ 7405881 w 7635336"/>
              <a:gd name="connsiteY32" fmla="*/ 313884 h 4380144"/>
              <a:gd name="connsiteX33" fmla="*/ 7405881 w 7635336"/>
              <a:gd name="connsiteY33" fmla="*/ 292106 h 4380144"/>
              <a:gd name="connsiteX34" fmla="*/ 7333984 w 7635336"/>
              <a:gd name="connsiteY34" fmla="*/ 292106 h 4380144"/>
              <a:gd name="connsiteX35" fmla="*/ 7333984 w 7635336"/>
              <a:gd name="connsiteY35" fmla="*/ 222248 h 4380144"/>
              <a:gd name="connsiteX36" fmla="*/ 298239 w 7635336"/>
              <a:gd name="connsiteY36" fmla="*/ 222248 h 4380144"/>
              <a:gd name="connsiteX37" fmla="*/ 298239 w 7635336"/>
              <a:gd name="connsiteY37" fmla="*/ 292106 h 4380144"/>
              <a:gd name="connsiteX38" fmla="*/ 226343 w 7635336"/>
              <a:gd name="connsiteY38" fmla="*/ 292106 h 4380144"/>
              <a:gd name="connsiteX39" fmla="*/ 226343 w 7635336"/>
              <a:gd name="connsiteY39" fmla="*/ 313884 h 4380144"/>
              <a:gd name="connsiteX40" fmla="*/ 298239 w 7635336"/>
              <a:gd name="connsiteY40" fmla="*/ 313884 h 4380144"/>
              <a:gd name="connsiteX41" fmla="*/ 298239 w 7635336"/>
              <a:gd name="connsiteY41" fmla="*/ 383742 h 4380144"/>
              <a:gd name="connsiteX42" fmla="*/ 320038 w 7635336"/>
              <a:gd name="connsiteY42" fmla="*/ 383742 h 4380144"/>
              <a:gd name="connsiteX43" fmla="*/ 320038 w 7635336"/>
              <a:gd name="connsiteY43" fmla="*/ 313884 h 4380144"/>
              <a:gd name="connsiteX44" fmla="*/ 391934 w 7635336"/>
              <a:gd name="connsiteY44" fmla="*/ 313884 h 4380144"/>
              <a:gd name="connsiteX45" fmla="*/ 391934 w 7635336"/>
              <a:gd name="connsiteY45" fmla="*/ 292106 h 4380144"/>
              <a:gd name="connsiteX46" fmla="*/ 320038 w 7635336"/>
              <a:gd name="connsiteY46" fmla="*/ 292106 h 4380144"/>
              <a:gd name="connsiteX47" fmla="*/ 320038 w 7635336"/>
              <a:gd name="connsiteY47" fmla="*/ 222248 h 4380144"/>
              <a:gd name="connsiteX48" fmla="*/ 0 w 7635336"/>
              <a:gd name="connsiteY48" fmla="*/ 0 h 4380144"/>
              <a:gd name="connsiteX49" fmla="*/ 7635336 w 7635336"/>
              <a:gd name="connsiteY49" fmla="*/ 0 h 4380144"/>
              <a:gd name="connsiteX50" fmla="*/ 7635336 w 7635336"/>
              <a:gd name="connsiteY50" fmla="*/ 4380144 h 4380144"/>
              <a:gd name="connsiteX51" fmla="*/ 0 w 7635336"/>
              <a:gd name="connsiteY51" fmla="*/ 4380144 h 4380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7635336" h="4380144">
                <a:moveTo>
                  <a:pt x="7312186" y="3989400"/>
                </a:moveTo>
                <a:lnTo>
                  <a:pt x="7312186" y="4059258"/>
                </a:lnTo>
                <a:lnTo>
                  <a:pt x="7240290" y="4059258"/>
                </a:lnTo>
                <a:lnTo>
                  <a:pt x="7240290" y="4081037"/>
                </a:lnTo>
                <a:lnTo>
                  <a:pt x="7312186" y="4081037"/>
                </a:lnTo>
                <a:lnTo>
                  <a:pt x="7312186" y="4150894"/>
                </a:lnTo>
                <a:lnTo>
                  <a:pt x="7333984" y="4150894"/>
                </a:lnTo>
                <a:lnTo>
                  <a:pt x="7333984" y="4081037"/>
                </a:lnTo>
                <a:lnTo>
                  <a:pt x="7405881" y="4081037"/>
                </a:lnTo>
                <a:lnTo>
                  <a:pt x="7405881" y="4059258"/>
                </a:lnTo>
                <a:lnTo>
                  <a:pt x="7333984" y="4059258"/>
                </a:lnTo>
                <a:lnTo>
                  <a:pt x="7333984" y="3989400"/>
                </a:lnTo>
                <a:close/>
                <a:moveTo>
                  <a:pt x="298239" y="3989400"/>
                </a:moveTo>
                <a:lnTo>
                  <a:pt x="298239" y="4059258"/>
                </a:lnTo>
                <a:lnTo>
                  <a:pt x="226343" y="4059258"/>
                </a:lnTo>
                <a:lnTo>
                  <a:pt x="226343" y="4081037"/>
                </a:lnTo>
                <a:lnTo>
                  <a:pt x="298239" y="4081037"/>
                </a:lnTo>
                <a:lnTo>
                  <a:pt x="298239" y="4150894"/>
                </a:lnTo>
                <a:lnTo>
                  <a:pt x="320038" y="4150894"/>
                </a:lnTo>
                <a:lnTo>
                  <a:pt x="320038" y="4081037"/>
                </a:lnTo>
                <a:lnTo>
                  <a:pt x="391934" y="4081037"/>
                </a:lnTo>
                <a:lnTo>
                  <a:pt x="391934" y="4059258"/>
                </a:lnTo>
                <a:lnTo>
                  <a:pt x="320038" y="4059258"/>
                </a:lnTo>
                <a:lnTo>
                  <a:pt x="320038" y="3989400"/>
                </a:lnTo>
                <a:close/>
                <a:moveTo>
                  <a:pt x="7312186" y="222248"/>
                </a:moveTo>
                <a:lnTo>
                  <a:pt x="7312186" y="292106"/>
                </a:lnTo>
                <a:lnTo>
                  <a:pt x="7240290" y="292106"/>
                </a:lnTo>
                <a:lnTo>
                  <a:pt x="7240290" y="313884"/>
                </a:lnTo>
                <a:lnTo>
                  <a:pt x="7312186" y="313884"/>
                </a:lnTo>
                <a:lnTo>
                  <a:pt x="7312186" y="383742"/>
                </a:lnTo>
                <a:lnTo>
                  <a:pt x="7333984" y="383742"/>
                </a:lnTo>
                <a:lnTo>
                  <a:pt x="7333984" y="313884"/>
                </a:lnTo>
                <a:lnTo>
                  <a:pt x="7405881" y="313884"/>
                </a:lnTo>
                <a:lnTo>
                  <a:pt x="7405881" y="292106"/>
                </a:lnTo>
                <a:lnTo>
                  <a:pt x="7333984" y="292106"/>
                </a:lnTo>
                <a:lnTo>
                  <a:pt x="7333984" y="222248"/>
                </a:lnTo>
                <a:close/>
                <a:moveTo>
                  <a:pt x="298239" y="222248"/>
                </a:moveTo>
                <a:lnTo>
                  <a:pt x="298239" y="292106"/>
                </a:lnTo>
                <a:lnTo>
                  <a:pt x="226343" y="292106"/>
                </a:lnTo>
                <a:lnTo>
                  <a:pt x="226343" y="313884"/>
                </a:lnTo>
                <a:lnTo>
                  <a:pt x="298239" y="313884"/>
                </a:lnTo>
                <a:lnTo>
                  <a:pt x="298239" y="383742"/>
                </a:lnTo>
                <a:lnTo>
                  <a:pt x="320038" y="383742"/>
                </a:lnTo>
                <a:lnTo>
                  <a:pt x="320038" y="313884"/>
                </a:lnTo>
                <a:lnTo>
                  <a:pt x="391934" y="313884"/>
                </a:lnTo>
                <a:lnTo>
                  <a:pt x="391934" y="292106"/>
                </a:lnTo>
                <a:lnTo>
                  <a:pt x="320038" y="292106"/>
                </a:lnTo>
                <a:lnTo>
                  <a:pt x="320038" y="222248"/>
                </a:lnTo>
                <a:close/>
                <a:moveTo>
                  <a:pt x="0" y="0"/>
                </a:moveTo>
                <a:lnTo>
                  <a:pt x="7635336" y="0"/>
                </a:lnTo>
                <a:lnTo>
                  <a:pt x="7635336" y="4380144"/>
                </a:lnTo>
                <a:lnTo>
                  <a:pt x="0" y="4380144"/>
                </a:lnTo>
                <a:close/>
              </a:path>
            </a:pathLst>
          </a:custGeom>
          <a:solidFill>
            <a:schemeClr val="bg2"/>
          </a:solidFill>
        </p:spPr>
        <p:txBody>
          <a:bodyPr wrap="square">
            <a:noAutofit/>
          </a:bodyPr>
          <a:lstStyle>
            <a:lvl1pPr algn="ctr">
              <a:defRPr sz="1600">
                <a:solidFill>
                  <a:schemeClr val="tx2"/>
                </a:solidFill>
              </a:defRPr>
            </a:lvl1pPr>
          </a:lstStyle>
          <a:p>
            <a:pPr marL="0" marR="0" lvl="0" indent="0" algn="ctr" defTabSz="914400" rtl="0" eaLnBrk="1" fontAlgn="auto" latinLnBrk="0" hangingPunct="1">
              <a:lnSpc>
                <a:spcPct val="100000"/>
              </a:lnSpc>
              <a:spcBef>
                <a:spcPts val="300"/>
              </a:spcBef>
              <a:spcAft>
                <a:spcPts val="600"/>
              </a:spcAft>
              <a:buClrTx/>
              <a:buSzTx/>
              <a:buFontTx/>
              <a:buNone/>
              <a:tabLst/>
              <a:defRPr/>
            </a:pPr>
            <a:br>
              <a:rPr lang="en-US" dirty="0"/>
            </a:br>
            <a:r>
              <a:rPr lang="en-US" dirty="0"/>
              <a:t>CLICK ICON TO ADD PICTURE</a:t>
            </a:r>
          </a:p>
          <a:p>
            <a:endParaRPr lang="en-US" dirty="0"/>
          </a:p>
        </p:txBody>
      </p:sp>
      <p:sp>
        <p:nvSpPr>
          <p:cNvPr id="7" name="Title 6">
            <a:extLst>
              <a:ext uri="{FF2B5EF4-FFF2-40B4-BE49-F238E27FC236}">
                <a16:creationId xmlns:a16="http://schemas.microsoft.com/office/drawing/2014/main" id="{AD3B6760-E19F-7BBC-630A-E1D9EFE9E497}"/>
              </a:ext>
            </a:extLst>
          </p:cNvPr>
          <p:cNvSpPr>
            <a:spLocks noGrp="1"/>
          </p:cNvSpPr>
          <p:nvPr>
            <p:ph type="title"/>
          </p:nvPr>
        </p:nvSpPr>
        <p:spPr>
          <a:xfrm>
            <a:off x="365760" y="326553"/>
            <a:ext cx="7589836" cy="1047306"/>
          </a:xfrm>
        </p:spPr>
        <p:txBody>
          <a:bodyPr/>
          <a:lstStyle>
            <a:lvl1pPr>
              <a:defRPr b="1">
                <a:solidFill>
                  <a:schemeClr val="accent3"/>
                </a:solidFill>
              </a:defRPr>
            </a:lvl1pPr>
          </a:lstStyle>
          <a:p>
            <a:r>
              <a:rPr lang="en-US"/>
              <a:t>Click to edit Master title style</a:t>
            </a:r>
            <a:endParaRPr lang="en-US" dirty="0"/>
          </a:p>
        </p:txBody>
      </p:sp>
      <p:sp>
        <p:nvSpPr>
          <p:cNvPr id="8" name="Content Placeholder 11">
            <a:extLst>
              <a:ext uri="{FF2B5EF4-FFF2-40B4-BE49-F238E27FC236}">
                <a16:creationId xmlns:a16="http://schemas.microsoft.com/office/drawing/2014/main" id="{C2920A08-78CE-21A7-3191-4F39CD7D5A02}"/>
              </a:ext>
            </a:extLst>
          </p:cNvPr>
          <p:cNvSpPr>
            <a:spLocks noGrp="1"/>
          </p:cNvSpPr>
          <p:nvPr>
            <p:ph sz="quarter" idx="12"/>
          </p:nvPr>
        </p:nvSpPr>
        <p:spPr>
          <a:xfrm>
            <a:off x="362139" y="1557338"/>
            <a:ext cx="3701861" cy="4386262"/>
          </a:xfrm>
        </p:spPr>
        <p:txBody>
          <a:body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646258713"/>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D. 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DAF14831-D6C7-C243-ACEC-6AA37378DA4E}"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6" name="Rectangle 5">
            <a:extLst>
              <a:ext uri="{FF2B5EF4-FFF2-40B4-BE49-F238E27FC236}">
                <a16:creationId xmlns:a16="http://schemas.microsoft.com/office/drawing/2014/main" id="{EA3D6A5A-53AF-D682-F046-F6BDCFC8FA6D}"/>
              </a:ext>
            </a:extLst>
          </p:cNvPr>
          <p:cNvSpPr/>
          <p:nvPr userDrawn="1"/>
        </p:nvSpPr>
        <p:spPr>
          <a:xfrm>
            <a:off x="4330597" y="1600200"/>
            <a:ext cx="7474053" cy="427037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2"/>
              </a:solidFill>
            </a:endParaRPr>
          </a:p>
        </p:txBody>
      </p:sp>
      <p:sp>
        <p:nvSpPr>
          <p:cNvPr id="7" name="Picture Placeholder 11">
            <a:extLst>
              <a:ext uri="{FF2B5EF4-FFF2-40B4-BE49-F238E27FC236}">
                <a16:creationId xmlns:a16="http://schemas.microsoft.com/office/drawing/2014/main" id="{09ED4519-4C6B-0F5A-2499-BAEB26C1A011}"/>
              </a:ext>
            </a:extLst>
          </p:cNvPr>
          <p:cNvSpPr>
            <a:spLocks noGrp="1"/>
          </p:cNvSpPr>
          <p:nvPr>
            <p:ph type="pic" sz="quarter" idx="10" hasCustomPrompt="1"/>
          </p:nvPr>
        </p:nvSpPr>
        <p:spPr>
          <a:xfrm>
            <a:off x="4244976" y="1557338"/>
            <a:ext cx="7589836" cy="4386262"/>
          </a:xfrm>
          <a:custGeom>
            <a:avLst/>
            <a:gdLst>
              <a:gd name="connsiteX0" fmla="*/ 7312186 w 7635336"/>
              <a:gd name="connsiteY0" fmla="*/ 3989400 h 4380144"/>
              <a:gd name="connsiteX1" fmla="*/ 7312186 w 7635336"/>
              <a:gd name="connsiteY1" fmla="*/ 4059258 h 4380144"/>
              <a:gd name="connsiteX2" fmla="*/ 7240290 w 7635336"/>
              <a:gd name="connsiteY2" fmla="*/ 4059258 h 4380144"/>
              <a:gd name="connsiteX3" fmla="*/ 7240290 w 7635336"/>
              <a:gd name="connsiteY3" fmla="*/ 4081037 h 4380144"/>
              <a:gd name="connsiteX4" fmla="*/ 7312186 w 7635336"/>
              <a:gd name="connsiteY4" fmla="*/ 4081037 h 4380144"/>
              <a:gd name="connsiteX5" fmla="*/ 7312186 w 7635336"/>
              <a:gd name="connsiteY5" fmla="*/ 4150894 h 4380144"/>
              <a:gd name="connsiteX6" fmla="*/ 7333984 w 7635336"/>
              <a:gd name="connsiteY6" fmla="*/ 4150894 h 4380144"/>
              <a:gd name="connsiteX7" fmla="*/ 7333984 w 7635336"/>
              <a:gd name="connsiteY7" fmla="*/ 4081037 h 4380144"/>
              <a:gd name="connsiteX8" fmla="*/ 7405881 w 7635336"/>
              <a:gd name="connsiteY8" fmla="*/ 4081037 h 4380144"/>
              <a:gd name="connsiteX9" fmla="*/ 7405881 w 7635336"/>
              <a:gd name="connsiteY9" fmla="*/ 4059258 h 4380144"/>
              <a:gd name="connsiteX10" fmla="*/ 7333984 w 7635336"/>
              <a:gd name="connsiteY10" fmla="*/ 4059258 h 4380144"/>
              <a:gd name="connsiteX11" fmla="*/ 7333984 w 7635336"/>
              <a:gd name="connsiteY11" fmla="*/ 3989400 h 4380144"/>
              <a:gd name="connsiteX12" fmla="*/ 298239 w 7635336"/>
              <a:gd name="connsiteY12" fmla="*/ 3989400 h 4380144"/>
              <a:gd name="connsiteX13" fmla="*/ 298239 w 7635336"/>
              <a:gd name="connsiteY13" fmla="*/ 4059258 h 4380144"/>
              <a:gd name="connsiteX14" fmla="*/ 226343 w 7635336"/>
              <a:gd name="connsiteY14" fmla="*/ 4059258 h 4380144"/>
              <a:gd name="connsiteX15" fmla="*/ 226343 w 7635336"/>
              <a:gd name="connsiteY15" fmla="*/ 4081037 h 4380144"/>
              <a:gd name="connsiteX16" fmla="*/ 298239 w 7635336"/>
              <a:gd name="connsiteY16" fmla="*/ 4081037 h 4380144"/>
              <a:gd name="connsiteX17" fmla="*/ 298239 w 7635336"/>
              <a:gd name="connsiteY17" fmla="*/ 4150894 h 4380144"/>
              <a:gd name="connsiteX18" fmla="*/ 320038 w 7635336"/>
              <a:gd name="connsiteY18" fmla="*/ 4150894 h 4380144"/>
              <a:gd name="connsiteX19" fmla="*/ 320038 w 7635336"/>
              <a:gd name="connsiteY19" fmla="*/ 4081037 h 4380144"/>
              <a:gd name="connsiteX20" fmla="*/ 391934 w 7635336"/>
              <a:gd name="connsiteY20" fmla="*/ 4081037 h 4380144"/>
              <a:gd name="connsiteX21" fmla="*/ 391934 w 7635336"/>
              <a:gd name="connsiteY21" fmla="*/ 4059258 h 4380144"/>
              <a:gd name="connsiteX22" fmla="*/ 320038 w 7635336"/>
              <a:gd name="connsiteY22" fmla="*/ 4059258 h 4380144"/>
              <a:gd name="connsiteX23" fmla="*/ 320038 w 7635336"/>
              <a:gd name="connsiteY23" fmla="*/ 3989400 h 4380144"/>
              <a:gd name="connsiteX24" fmla="*/ 7312186 w 7635336"/>
              <a:gd name="connsiteY24" fmla="*/ 222248 h 4380144"/>
              <a:gd name="connsiteX25" fmla="*/ 7312186 w 7635336"/>
              <a:gd name="connsiteY25" fmla="*/ 292106 h 4380144"/>
              <a:gd name="connsiteX26" fmla="*/ 7240290 w 7635336"/>
              <a:gd name="connsiteY26" fmla="*/ 292106 h 4380144"/>
              <a:gd name="connsiteX27" fmla="*/ 7240290 w 7635336"/>
              <a:gd name="connsiteY27" fmla="*/ 313884 h 4380144"/>
              <a:gd name="connsiteX28" fmla="*/ 7312186 w 7635336"/>
              <a:gd name="connsiteY28" fmla="*/ 313884 h 4380144"/>
              <a:gd name="connsiteX29" fmla="*/ 7312186 w 7635336"/>
              <a:gd name="connsiteY29" fmla="*/ 383742 h 4380144"/>
              <a:gd name="connsiteX30" fmla="*/ 7333984 w 7635336"/>
              <a:gd name="connsiteY30" fmla="*/ 383742 h 4380144"/>
              <a:gd name="connsiteX31" fmla="*/ 7333984 w 7635336"/>
              <a:gd name="connsiteY31" fmla="*/ 313884 h 4380144"/>
              <a:gd name="connsiteX32" fmla="*/ 7405881 w 7635336"/>
              <a:gd name="connsiteY32" fmla="*/ 313884 h 4380144"/>
              <a:gd name="connsiteX33" fmla="*/ 7405881 w 7635336"/>
              <a:gd name="connsiteY33" fmla="*/ 292106 h 4380144"/>
              <a:gd name="connsiteX34" fmla="*/ 7333984 w 7635336"/>
              <a:gd name="connsiteY34" fmla="*/ 292106 h 4380144"/>
              <a:gd name="connsiteX35" fmla="*/ 7333984 w 7635336"/>
              <a:gd name="connsiteY35" fmla="*/ 222248 h 4380144"/>
              <a:gd name="connsiteX36" fmla="*/ 298239 w 7635336"/>
              <a:gd name="connsiteY36" fmla="*/ 222248 h 4380144"/>
              <a:gd name="connsiteX37" fmla="*/ 298239 w 7635336"/>
              <a:gd name="connsiteY37" fmla="*/ 292106 h 4380144"/>
              <a:gd name="connsiteX38" fmla="*/ 226343 w 7635336"/>
              <a:gd name="connsiteY38" fmla="*/ 292106 h 4380144"/>
              <a:gd name="connsiteX39" fmla="*/ 226343 w 7635336"/>
              <a:gd name="connsiteY39" fmla="*/ 313884 h 4380144"/>
              <a:gd name="connsiteX40" fmla="*/ 298239 w 7635336"/>
              <a:gd name="connsiteY40" fmla="*/ 313884 h 4380144"/>
              <a:gd name="connsiteX41" fmla="*/ 298239 w 7635336"/>
              <a:gd name="connsiteY41" fmla="*/ 383742 h 4380144"/>
              <a:gd name="connsiteX42" fmla="*/ 320038 w 7635336"/>
              <a:gd name="connsiteY42" fmla="*/ 383742 h 4380144"/>
              <a:gd name="connsiteX43" fmla="*/ 320038 w 7635336"/>
              <a:gd name="connsiteY43" fmla="*/ 313884 h 4380144"/>
              <a:gd name="connsiteX44" fmla="*/ 391934 w 7635336"/>
              <a:gd name="connsiteY44" fmla="*/ 313884 h 4380144"/>
              <a:gd name="connsiteX45" fmla="*/ 391934 w 7635336"/>
              <a:gd name="connsiteY45" fmla="*/ 292106 h 4380144"/>
              <a:gd name="connsiteX46" fmla="*/ 320038 w 7635336"/>
              <a:gd name="connsiteY46" fmla="*/ 292106 h 4380144"/>
              <a:gd name="connsiteX47" fmla="*/ 320038 w 7635336"/>
              <a:gd name="connsiteY47" fmla="*/ 222248 h 4380144"/>
              <a:gd name="connsiteX48" fmla="*/ 0 w 7635336"/>
              <a:gd name="connsiteY48" fmla="*/ 0 h 4380144"/>
              <a:gd name="connsiteX49" fmla="*/ 7635336 w 7635336"/>
              <a:gd name="connsiteY49" fmla="*/ 0 h 4380144"/>
              <a:gd name="connsiteX50" fmla="*/ 7635336 w 7635336"/>
              <a:gd name="connsiteY50" fmla="*/ 4380144 h 4380144"/>
              <a:gd name="connsiteX51" fmla="*/ 0 w 7635336"/>
              <a:gd name="connsiteY51" fmla="*/ 4380144 h 4380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7635336" h="4380144">
                <a:moveTo>
                  <a:pt x="7312186" y="3989400"/>
                </a:moveTo>
                <a:lnTo>
                  <a:pt x="7312186" y="4059258"/>
                </a:lnTo>
                <a:lnTo>
                  <a:pt x="7240290" y="4059258"/>
                </a:lnTo>
                <a:lnTo>
                  <a:pt x="7240290" y="4081037"/>
                </a:lnTo>
                <a:lnTo>
                  <a:pt x="7312186" y="4081037"/>
                </a:lnTo>
                <a:lnTo>
                  <a:pt x="7312186" y="4150894"/>
                </a:lnTo>
                <a:lnTo>
                  <a:pt x="7333984" y="4150894"/>
                </a:lnTo>
                <a:lnTo>
                  <a:pt x="7333984" y="4081037"/>
                </a:lnTo>
                <a:lnTo>
                  <a:pt x="7405881" y="4081037"/>
                </a:lnTo>
                <a:lnTo>
                  <a:pt x="7405881" y="4059258"/>
                </a:lnTo>
                <a:lnTo>
                  <a:pt x="7333984" y="4059258"/>
                </a:lnTo>
                <a:lnTo>
                  <a:pt x="7333984" y="3989400"/>
                </a:lnTo>
                <a:close/>
                <a:moveTo>
                  <a:pt x="298239" y="3989400"/>
                </a:moveTo>
                <a:lnTo>
                  <a:pt x="298239" y="4059258"/>
                </a:lnTo>
                <a:lnTo>
                  <a:pt x="226343" y="4059258"/>
                </a:lnTo>
                <a:lnTo>
                  <a:pt x="226343" y="4081037"/>
                </a:lnTo>
                <a:lnTo>
                  <a:pt x="298239" y="4081037"/>
                </a:lnTo>
                <a:lnTo>
                  <a:pt x="298239" y="4150894"/>
                </a:lnTo>
                <a:lnTo>
                  <a:pt x="320038" y="4150894"/>
                </a:lnTo>
                <a:lnTo>
                  <a:pt x="320038" y="4081037"/>
                </a:lnTo>
                <a:lnTo>
                  <a:pt x="391934" y="4081037"/>
                </a:lnTo>
                <a:lnTo>
                  <a:pt x="391934" y="4059258"/>
                </a:lnTo>
                <a:lnTo>
                  <a:pt x="320038" y="4059258"/>
                </a:lnTo>
                <a:lnTo>
                  <a:pt x="320038" y="3989400"/>
                </a:lnTo>
                <a:close/>
                <a:moveTo>
                  <a:pt x="7312186" y="222248"/>
                </a:moveTo>
                <a:lnTo>
                  <a:pt x="7312186" y="292106"/>
                </a:lnTo>
                <a:lnTo>
                  <a:pt x="7240290" y="292106"/>
                </a:lnTo>
                <a:lnTo>
                  <a:pt x="7240290" y="313884"/>
                </a:lnTo>
                <a:lnTo>
                  <a:pt x="7312186" y="313884"/>
                </a:lnTo>
                <a:lnTo>
                  <a:pt x="7312186" y="383742"/>
                </a:lnTo>
                <a:lnTo>
                  <a:pt x="7333984" y="383742"/>
                </a:lnTo>
                <a:lnTo>
                  <a:pt x="7333984" y="313884"/>
                </a:lnTo>
                <a:lnTo>
                  <a:pt x="7405881" y="313884"/>
                </a:lnTo>
                <a:lnTo>
                  <a:pt x="7405881" y="292106"/>
                </a:lnTo>
                <a:lnTo>
                  <a:pt x="7333984" y="292106"/>
                </a:lnTo>
                <a:lnTo>
                  <a:pt x="7333984" y="222248"/>
                </a:lnTo>
                <a:close/>
                <a:moveTo>
                  <a:pt x="298239" y="222248"/>
                </a:moveTo>
                <a:lnTo>
                  <a:pt x="298239" y="292106"/>
                </a:lnTo>
                <a:lnTo>
                  <a:pt x="226343" y="292106"/>
                </a:lnTo>
                <a:lnTo>
                  <a:pt x="226343" y="313884"/>
                </a:lnTo>
                <a:lnTo>
                  <a:pt x="298239" y="313884"/>
                </a:lnTo>
                <a:lnTo>
                  <a:pt x="298239" y="383742"/>
                </a:lnTo>
                <a:lnTo>
                  <a:pt x="320038" y="383742"/>
                </a:lnTo>
                <a:lnTo>
                  <a:pt x="320038" y="313884"/>
                </a:lnTo>
                <a:lnTo>
                  <a:pt x="391934" y="313884"/>
                </a:lnTo>
                <a:lnTo>
                  <a:pt x="391934" y="292106"/>
                </a:lnTo>
                <a:lnTo>
                  <a:pt x="320038" y="292106"/>
                </a:lnTo>
                <a:lnTo>
                  <a:pt x="320038" y="222248"/>
                </a:lnTo>
                <a:close/>
                <a:moveTo>
                  <a:pt x="0" y="0"/>
                </a:moveTo>
                <a:lnTo>
                  <a:pt x="7635336" y="0"/>
                </a:lnTo>
                <a:lnTo>
                  <a:pt x="7635336" y="4380144"/>
                </a:lnTo>
                <a:lnTo>
                  <a:pt x="0" y="4380144"/>
                </a:lnTo>
                <a:close/>
              </a:path>
            </a:pathLst>
          </a:custGeom>
          <a:solidFill>
            <a:schemeClr val="accent4"/>
          </a:solidFill>
        </p:spPr>
        <p:txBody>
          <a:bodyPr wrap="square">
            <a:noAutofit/>
          </a:bodyPr>
          <a:lstStyle>
            <a:lvl1pPr algn="ctr">
              <a:defRPr sz="1600">
                <a:solidFill>
                  <a:schemeClr val="tx2"/>
                </a:solidFill>
              </a:defRPr>
            </a:lvl1pPr>
          </a:lstStyle>
          <a:p>
            <a:br>
              <a:rPr lang="en-US" dirty="0"/>
            </a:br>
            <a:r>
              <a:rPr lang="en-US" dirty="0"/>
              <a:t>CLICK ICON TO ADD PICTURE</a:t>
            </a:r>
          </a:p>
        </p:txBody>
      </p:sp>
      <p:sp>
        <p:nvSpPr>
          <p:cNvPr id="4" name="Title 3">
            <a:extLst>
              <a:ext uri="{FF2B5EF4-FFF2-40B4-BE49-F238E27FC236}">
                <a16:creationId xmlns:a16="http://schemas.microsoft.com/office/drawing/2014/main" id="{042EF159-E428-C668-090D-352BD2300689}"/>
              </a:ext>
            </a:extLst>
          </p:cNvPr>
          <p:cNvSpPr>
            <a:spLocks noGrp="1"/>
          </p:cNvSpPr>
          <p:nvPr>
            <p:ph type="title"/>
          </p:nvPr>
        </p:nvSpPr>
        <p:spPr>
          <a:xfrm>
            <a:off x="365760" y="326553"/>
            <a:ext cx="7589836" cy="1047306"/>
          </a:xfrm>
        </p:spPr>
        <p:txBody>
          <a:bodyPr/>
          <a:lstStyle>
            <a:lvl1pPr>
              <a:defRPr b="1">
                <a:solidFill>
                  <a:schemeClr val="accent3"/>
                </a:solidFill>
              </a:defRPr>
            </a:lvl1pPr>
          </a:lstStyle>
          <a:p>
            <a:r>
              <a:rPr lang="en-US"/>
              <a:t>Click to edit Master title style</a:t>
            </a:r>
            <a:endParaRPr lang="en-US" dirty="0"/>
          </a:p>
        </p:txBody>
      </p:sp>
      <p:sp>
        <p:nvSpPr>
          <p:cNvPr id="13" name="Text Placeholder 6">
            <a:extLst>
              <a:ext uri="{FF2B5EF4-FFF2-40B4-BE49-F238E27FC236}">
                <a16:creationId xmlns:a16="http://schemas.microsoft.com/office/drawing/2014/main" id="{FF290026-053C-749A-6759-79AF83D9158C}"/>
              </a:ext>
            </a:extLst>
          </p:cNvPr>
          <p:cNvSpPr>
            <a:spLocks noGrp="1"/>
          </p:cNvSpPr>
          <p:nvPr>
            <p:ph type="body" sz="quarter" idx="24"/>
          </p:nvPr>
        </p:nvSpPr>
        <p:spPr>
          <a:xfrm>
            <a:off x="362877" y="1557338"/>
            <a:ext cx="3692069" cy="4386262"/>
          </a:xfrm>
        </p:spPr>
        <p:txBody>
          <a:body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405063724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 Content (white grid marks)">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DAF14831-D6C7-C243-ACEC-6AA37378DA4E}"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7" name="Picture Placeholder 11">
            <a:extLst>
              <a:ext uri="{FF2B5EF4-FFF2-40B4-BE49-F238E27FC236}">
                <a16:creationId xmlns:a16="http://schemas.microsoft.com/office/drawing/2014/main" id="{09ED4519-4C6B-0F5A-2499-BAEB26C1A011}"/>
              </a:ext>
            </a:extLst>
          </p:cNvPr>
          <p:cNvSpPr>
            <a:spLocks noGrp="1"/>
          </p:cNvSpPr>
          <p:nvPr>
            <p:ph type="pic" sz="quarter" idx="10" hasCustomPrompt="1"/>
          </p:nvPr>
        </p:nvSpPr>
        <p:spPr>
          <a:xfrm>
            <a:off x="4244976" y="1557338"/>
            <a:ext cx="7589836" cy="4386262"/>
          </a:xfrm>
          <a:custGeom>
            <a:avLst/>
            <a:gdLst>
              <a:gd name="connsiteX0" fmla="*/ 7312186 w 7635336"/>
              <a:gd name="connsiteY0" fmla="*/ 3989400 h 4380144"/>
              <a:gd name="connsiteX1" fmla="*/ 7312186 w 7635336"/>
              <a:gd name="connsiteY1" fmla="*/ 4059258 h 4380144"/>
              <a:gd name="connsiteX2" fmla="*/ 7240290 w 7635336"/>
              <a:gd name="connsiteY2" fmla="*/ 4059258 h 4380144"/>
              <a:gd name="connsiteX3" fmla="*/ 7240290 w 7635336"/>
              <a:gd name="connsiteY3" fmla="*/ 4081037 h 4380144"/>
              <a:gd name="connsiteX4" fmla="*/ 7312186 w 7635336"/>
              <a:gd name="connsiteY4" fmla="*/ 4081037 h 4380144"/>
              <a:gd name="connsiteX5" fmla="*/ 7312186 w 7635336"/>
              <a:gd name="connsiteY5" fmla="*/ 4150894 h 4380144"/>
              <a:gd name="connsiteX6" fmla="*/ 7333984 w 7635336"/>
              <a:gd name="connsiteY6" fmla="*/ 4150894 h 4380144"/>
              <a:gd name="connsiteX7" fmla="*/ 7333984 w 7635336"/>
              <a:gd name="connsiteY7" fmla="*/ 4081037 h 4380144"/>
              <a:gd name="connsiteX8" fmla="*/ 7405881 w 7635336"/>
              <a:gd name="connsiteY8" fmla="*/ 4081037 h 4380144"/>
              <a:gd name="connsiteX9" fmla="*/ 7405881 w 7635336"/>
              <a:gd name="connsiteY9" fmla="*/ 4059258 h 4380144"/>
              <a:gd name="connsiteX10" fmla="*/ 7333984 w 7635336"/>
              <a:gd name="connsiteY10" fmla="*/ 4059258 h 4380144"/>
              <a:gd name="connsiteX11" fmla="*/ 7333984 w 7635336"/>
              <a:gd name="connsiteY11" fmla="*/ 3989400 h 4380144"/>
              <a:gd name="connsiteX12" fmla="*/ 298239 w 7635336"/>
              <a:gd name="connsiteY12" fmla="*/ 3989400 h 4380144"/>
              <a:gd name="connsiteX13" fmla="*/ 298239 w 7635336"/>
              <a:gd name="connsiteY13" fmla="*/ 4059258 h 4380144"/>
              <a:gd name="connsiteX14" fmla="*/ 226343 w 7635336"/>
              <a:gd name="connsiteY14" fmla="*/ 4059258 h 4380144"/>
              <a:gd name="connsiteX15" fmla="*/ 226343 w 7635336"/>
              <a:gd name="connsiteY15" fmla="*/ 4081037 h 4380144"/>
              <a:gd name="connsiteX16" fmla="*/ 298239 w 7635336"/>
              <a:gd name="connsiteY16" fmla="*/ 4081037 h 4380144"/>
              <a:gd name="connsiteX17" fmla="*/ 298239 w 7635336"/>
              <a:gd name="connsiteY17" fmla="*/ 4150894 h 4380144"/>
              <a:gd name="connsiteX18" fmla="*/ 320038 w 7635336"/>
              <a:gd name="connsiteY18" fmla="*/ 4150894 h 4380144"/>
              <a:gd name="connsiteX19" fmla="*/ 320038 w 7635336"/>
              <a:gd name="connsiteY19" fmla="*/ 4081037 h 4380144"/>
              <a:gd name="connsiteX20" fmla="*/ 391934 w 7635336"/>
              <a:gd name="connsiteY20" fmla="*/ 4081037 h 4380144"/>
              <a:gd name="connsiteX21" fmla="*/ 391934 w 7635336"/>
              <a:gd name="connsiteY21" fmla="*/ 4059258 h 4380144"/>
              <a:gd name="connsiteX22" fmla="*/ 320038 w 7635336"/>
              <a:gd name="connsiteY22" fmla="*/ 4059258 h 4380144"/>
              <a:gd name="connsiteX23" fmla="*/ 320038 w 7635336"/>
              <a:gd name="connsiteY23" fmla="*/ 3989400 h 4380144"/>
              <a:gd name="connsiteX24" fmla="*/ 7312186 w 7635336"/>
              <a:gd name="connsiteY24" fmla="*/ 222248 h 4380144"/>
              <a:gd name="connsiteX25" fmla="*/ 7312186 w 7635336"/>
              <a:gd name="connsiteY25" fmla="*/ 292106 h 4380144"/>
              <a:gd name="connsiteX26" fmla="*/ 7240290 w 7635336"/>
              <a:gd name="connsiteY26" fmla="*/ 292106 h 4380144"/>
              <a:gd name="connsiteX27" fmla="*/ 7240290 w 7635336"/>
              <a:gd name="connsiteY27" fmla="*/ 313884 h 4380144"/>
              <a:gd name="connsiteX28" fmla="*/ 7312186 w 7635336"/>
              <a:gd name="connsiteY28" fmla="*/ 313884 h 4380144"/>
              <a:gd name="connsiteX29" fmla="*/ 7312186 w 7635336"/>
              <a:gd name="connsiteY29" fmla="*/ 383742 h 4380144"/>
              <a:gd name="connsiteX30" fmla="*/ 7333984 w 7635336"/>
              <a:gd name="connsiteY30" fmla="*/ 383742 h 4380144"/>
              <a:gd name="connsiteX31" fmla="*/ 7333984 w 7635336"/>
              <a:gd name="connsiteY31" fmla="*/ 313884 h 4380144"/>
              <a:gd name="connsiteX32" fmla="*/ 7405881 w 7635336"/>
              <a:gd name="connsiteY32" fmla="*/ 313884 h 4380144"/>
              <a:gd name="connsiteX33" fmla="*/ 7405881 w 7635336"/>
              <a:gd name="connsiteY33" fmla="*/ 292106 h 4380144"/>
              <a:gd name="connsiteX34" fmla="*/ 7333984 w 7635336"/>
              <a:gd name="connsiteY34" fmla="*/ 292106 h 4380144"/>
              <a:gd name="connsiteX35" fmla="*/ 7333984 w 7635336"/>
              <a:gd name="connsiteY35" fmla="*/ 222248 h 4380144"/>
              <a:gd name="connsiteX36" fmla="*/ 298239 w 7635336"/>
              <a:gd name="connsiteY36" fmla="*/ 222248 h 4380144"/>
              <a:gd name="connsiteX37" fmla="*/ 298239 w 7635336"/>
              <a:gd name="connsiteY37" fmla="*/ 292106 h 4380144"/>
              <a:gd name="connsiteX38" fmla="*/ 226343 w 7635336"/>
              <a:gd name="connsiteY38" fmla="*/ 292106 h 4380144"/>
              <a:gd name="connsiteX39" fmla="*/ 226343 w 7635336"/>
              <a:gd name="connsiteY39" fmla="*/ 313884 h 4380144"/>
              <a:gd name="connsiteX40" fmla="*/ 298239 w 7635336"/>
              <a:gd name="connsiteY40" fmla="*/ 313884 h 4380144"/>
              <a:gd name="connsiteX41" fmla="*/ 298239 w 7635336"/>
              <a:gd name="connsiteY41" fmla="*/ 383742 h 4380144"/>
              <a:gd name="connsiteX42" fmla="*/ 320038 w 7635336"/>
              <a:gd name="connsiteY42" fmla="*/ 383742 h 4380144"/>
              <a:gd name="connsiteX43" fmla="*/ 320038 w 7635336"/>
              <a:gd name="connsiteY43" fmla="*/ 313884 h 4380144"/>
              <a:gd name="connsiteX44" fmla="*/ 391934 w 7635336"/>
              <a:gd name="connsiteY44" fmla="*/ 313884 h 4380144"/>
              <a:gd name="connsiteX45" fmla="*/ 391934 w 7635336"/>
              <a:gd name="connsiteY45" fmla="*/ 292106 h 4380144"/>
              <a:gd name="connsiteX46" fmla="*/ 320038 w 7635336"/>
              <a:gd name="connsiteY46" fmla="*/ 292106 h 4380144"/>
              <a:gd name="connsiteX47" fmla="*/ 320038 w 7635336"/>
              <a:gd name="connsiteY47" fmla="*/ 222248 h 4380144"/>
              <a:gd name="connsiteX48" fmla="*/ 0 w 7635336"/>
              <a:gd name="connsiteY48" fmla="*/ 0 h 4380144"/>
              <a:gd name="connsiteX49" fmla="*/ 7635336 w 7635336"/>
              <a:gd name="connsiteY49" fmla="*/ 0 h 4380144"/>
              <a:gd name="connsiteX50" fmla="*/ 7635336 w 7635336"/>
              <a:gd name="connsiteY50" fmla="*/ 4380144 h 4380144"/>
              <a:gd name="connsiteX51" fmla="*/ 0 w 7635336"/>
              <a:gd name="connsiteY51" fmla="*/ 4380144 h 4380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7635336" h="4380144">
                <a:moveTo>
                  <a:pt x="7312186" y="3989400"/>
                </a:moveTo>
                <a:lnTo>
                  <a:pt x="7312186" y="4059258"/>
                </a:lnTo>
                <a:lnTo>
                  <a:pt x="7240290" y="4059258"/>
                </a:lnTo>
                <a:lnTo>
                  <a:pt x="7240290" y="4081037"/>
                </a:lnTo>
                <a:lnTo>
                  <a:pt x="7312186" y="4081037"/>
                </a:lnTo>
                <a:lnTo>
                  <a:pt x="7312186" y="4150894"/>
                </a:lnTo>
                <a:lnTo>
                  <a:pt x="7333984" y="4150894"/>
                </a:lnTo>
                <a:lnTo>
                  <a:pt x="7333984" y="4081037"/>
                </a:lnTo>
                <a:lnTo>
                  <a:pt x="7405881" y="4081037"/>
                </a:lnTo>
                <a:lnTo>
                  <a:pt x="7405881" y="4059258"/>
                </a:lnTo>
                <a:lnTo>
                  <a:pt x="7333984" y="4059258"/>
                </a:lnTo>
                <a:lnTo>
                  <a:pt x="7333984" y="3989400"/>
                </a:lnTo>
                <a:close/>
                <a:moveTo>
                  <a:pt x="298239" y="3989400"/>
                </a:moveTo>
                <a:lnTo>
                  <a:pt x="298239" y="4059258"/>
                </a:lnTo>
                <a:lnTo>
                  <a:pt x="226343" y="4059258"/>
                </a:lnTo>
                <a:lnTo>
                  <a:pt x="226343" y="4081037"/>
                </a:lnTo>
                <a:lnTo>
                  <a:pt x="298239" y="4081037"/>
                </a:lnTo>
                <a:lnTo>
                  <a:pt x="298239" y="4150894"/>
                </a:lnTo>
                <a:lnTo>
                  <a:pt x="320038" y="4150894"/>
                </a:lnTo>
                <a:lnTo>
                  <a:pt x="320038" y="4081037"/>
                </a:lnTo>
                <a:lnTo>
                  <a:pt x="391934" y="4081037"/>
                </a:lnTo>
                <a:lnTo>
                  <a:pt x="391934" y="4059258"/>
                </a:lnTo>
                <a:lnTo>
                  <a:pt x="320038" y="4059258"/>
                </a:lnTo>
                <a:lnTo>
                  <a:pt x="320038" y="3989400"/>
                </a:lnTo>
                <a:close/>
                <a:moveTo>
                  <a:pt x="7312186" y="222248"/>
                </a:moveTo>
                <a:lnTo>
                  <a:pt x="7312186" y="292106"/>
                </a:lnTo>
                <a:lnTo>
                  <a:pt x="7240290" y="292106"/>
                </a:lnTo>
                <a:lnTo>
                  <a:pt x="7240290" y="313884"/>
                </a:lnTo>
                <a:lnTo>
                  <a:pt x="7312186" y="313884"/>
                </a:lnTo>
                <a:lnTo>
                  <a:pt x="7312186" y="383742"/>
                </a:lnTo>
                <a:lnTo>
                  <a:pt x="7333984" y="383742"/>
                </a:lnTo>
                <a:lnTo>
                  <a:pt x="7333984" y="313884"/>
                </a:lnTo>
                <a:lnTo>
                  <a:pt x="7405881" y="313884"/>
                </a:lnTo>
                <a:lnTo>
                  <a:pt x="7405881" y="292106"/>
                </a:lnTo>
                <a:lnTo>
                  <a:pt x="7333984" y="292106"/>
                </a:lnTo>
                <a:lnTo>
                  <a:pt x="7333984" y="222248"/>
                </a:lnTo>
                <a:close/>
                <a:moveTo>
                  <a:pt x="298239" y="222248"/>
                </a:moveTo>
                <a:lnTo>
                  <a:pt x="298239" y="292106"/>
                </a:lnTo>
                <a:lnTo>
                  <a:pt x="226343" y="292106"/>
                </a:lnTo>
                <a:lnTo>
                  <a:pt x="226343" y="313884"/>
                </a:lnTo>
                <a:lnTo>
                  <a:pt x="298239" y="313884"/>
                </a:lnTo>
                <a:lnTo>
                  <a:pt x="298239" y="383742"/>
                </a:lnTo>
                <a:lnTo>
                  <a:pt x="320038" y="383742"/>
                </a:lnTo>
                <a:lnTo>
                  <a:pt x="320038" y="313884"/>
                </a:lnTo>
                <a:lnTo>
                  <a:pt x="391934" y="313884"/>
                </a:lnTo>
                <a:lnTo>
                  <a:pt x="391934" y="292106"/>
                </a:lnTo>
                <a:lnTo>
                  <a:pt x="320038" y="292106"/>
                </a:lnTo>
                <a:lnTo>
                  <a:pt x="320038" y="222248"/>
                </a:lnTo>
                <a:close/>
                <a:moveTo>
                  <a:pt x="0" y="0"/>
                </a:moveTo>
                <a:lnTo>
                  <a:pt x="7635336" y="0"/>
                </a:lnTo>
                <a:lnTo>
                  <a:pt x="7635336" y="4380144"/>
                </a:lnTo>
                <a:lnTo>
                  <a:pt x="0" y="4380144"/>
                </a:lnTo>
                <a:close/>
              </a:path>
            </a:pathLst>
          </a:custGeom>
          <a:solidFill>
            <a:schemeClr val="accent4"/>
          </a:solidFill>
        </p:spPr>
        <p:txBody>
          <a:bodyPr wrap="square">
            <a:noAutofit/>
          </a:bodyPr>
          <a:lstStyle>
            <a:lvl1pPr algn="ctr">
              <a:defRPr sz="1600">
                <a:solidFill>
                  <a:schemeClr val="tx2"/>
                </a:solidFill>
              </a:defRPr>
            </a:lvl1pPr>
          </a:lstStyle>
          <a:p>
            <a:br>
              <a:rPr lang="en-US" dirty="0"/>
            </a:br>
            <a:r>
              <a:rPr lang="en-US" dirty="0"/>
              <a:t>CLICK ICON TO ADD PICTURE</a:t>
            </a:r>
          </a:p>
        </p:txBody>
      </p:sp>
      <p:sp>
        <p:nvSpPr>
          <p:cNvPr id="2" name="text" descr="{&quot;templafy&quot;:{&quot;id&quot;:&quot;4dd46786-6585-4b25-b66e-c75e4e81da7d&quot;}}" title="Form.Cigna_Confidentiality.EvernorthConfidentiality">
            <a:extLst>
              <a:ext uri="{FF2B5EF4-FFF2-40B4-BE49-F238E27FC236}">
                <a16:creationId xmlns:a16="http://schemas.microsoft.com/office/drawing/2014/main" id="{7C89053F-5774-C8AA-76A8-94802E450297}"/>
              </a:ext>
            </a:extLst>
          </p:cNvPr>
          <p:cNvSpPr/>
          <p:nvPr userDrawn="1"/>
        </p:nvSpPr>
        <p:spPr>
          <a:xfrm>
            <a:off x="4244867" y="6346898"/>
            <a:ext cx="3278533" cy="180000"/>
          </a:xfrm>
          <a:prstGeom prst="rect">
            <a:avLst/>
          </a:prstGeom>
          <a:noFill/>
          <a:ln w="12700" cap="flat" cmpd="sng" algn="ctr">
            <a:noFill/>
            <a:prstDash val="solid"/>
            <a:miter lim="800000"/>
          </a:ln>
          <a:effectLst/>
        </p:spPr>
        <p:txBody>
          <a:bodyPr lIns="0" tIns="0" rIns="0" bIns="0" rtlCol="0" anchor="b"/>
          <a:lstStyle/>
          <a:p>
            <a:pPr marL="0" marR="0" lvl="0" indent="0" defTabSz="914400" eaLnBrk="1" fontAlgn="auto" latinLnBrk="0" hangingPunct="1">
              <a:lnSpc>
                <a:spcPts val="820"/>
              </a:lnSpc>
              <a:spcBef>
                <a:spcPts val="0"/>
              </a:spcBef>
              <a:spcAft>
                <a:spcPts val="0"/>
              </a:spcAft>
              <a:buClrTx/>
              <a:buSzTx/>
              <a:buFontTx/>
              <a:buNone/>
              <a:tabLst/>
              <a:defRPr/>
            </a:pPr>
            <a:r>
              <a:rPr kumimoji="0" lang="en-US" sz="600" b="0" i="0" u="none" strike="noStrike" kern="0" cap="all" spc="0" normalizeH="0" baseline="0" noProof="0" dirty="0">
                <a:ln>
                  <a:noFill/>
                </a:ln>
                <a:solidFill>
                  <a:schemeClr val="tx2"/>
                </a:solidFill>
                <a:effectLst/>
                <a:uLnTx/>
                <a:uFillTx/>
                <a:latin typeface="Consolas" panose="020B0609020204030204" pitchFamily="49" charset="0"/>
                <a:ea typeface="Arial" panose="020B0604020202020204" pitchFamily="34" charset="0"/>
                <a:cs typeface="Consolas" panose="020B0609020204030204" pitchFamily="49" charset="0"/>
              </a:rPr>
              <a:t>© 2022 Evernorth. ALL RIGHTS RESERVED. ALL PRODUCTS AND SERVICES ARE PROVIDED BY OR THROUGH OPERATING SUBSIDIARIES OR AFFILIATES OF EVERNORTH.</a:t>
            </a:r>
          </a:p>
        </p:txBody>
      </p:sp>
      <p:sp>
        <p:nvSpPr>
          <p:cNvPr id="4" name="Title 3">
            <a:extLst>
              <a:ext uri="{FF2B5EF4-FFF2-40B4-BE49-F238E27FC236}">
                <a16:creationId xmlns:a16="http://schemas.microsoft.com/office/drawing/2014/main" id="{042EF159-E428-C668-090D-352BD2300689}"/>
              </a:ext>
            </a:extLst>
          </p:cNvPr>
          <p:cNvSpPr>
            <a:spLocks noGrp="1"/>
          </p:cNvSpPr>
          <p:nvPr>
            <p:ph type="title"/>
          </p:nvPr>
        </p:nvSpPr>
        <p:spPr>
          <a:xfrm>
            <a:off x="365760" y="326553"/>
            <a:ext cx="7589836" cy="1047306"/>
          </a:xfrm>
        </p:spPr>
        <p:txBody>
          <a:bodyPr/>
          <a:lstStyle>
            <a:lvl1pPr>
              <a:defRPr b="1">
                <a:solidFill>
                  <a:schemeClr val="accent3"/>
                </a:solidFill>
              </a:defRPr>
            </a:lvl1pPr>
          </a:lstStyle>
          <a:p>
            <a:r>
              <a:rPr lang="en-US"/>
              <a:t>Click to edit Master title style</a:t>
            </a:r>
            <a:endParaRPr lang="en-US" dirty="0"/>
          </a:p>
        </p:txBody>
      </p:sp>
      <p:sp>
        <p:nvSpPr>
          <p:cNvPr id="13" name="Text Placeholder 6">
            <a:extLst>
              <a:ext uri="{FF2B5EF4-FFF2-40B4-BE49-F238E27FC236}">
                <a16:creationId xmlns:a16="http://schemas.microsoft.com/office/drawing/2014/main" id="{FF290026-053C-749A-6759-79AF83D9158C}"/>
              </a:ext>
            </a:extLst>
          </p:cNvPr>
          <p:cNvSpPr>
            <a:spLocks noGrp="1"/>
          </p:cNvSpPr>
          <p:nvPr>
            <p:ph type="body" sz="quarter" idx="24"/>
          </p:nvPr>
        </p:nvSpPr>
        <p:spPr>
          <a:xfrm>
            <a:off x="362877" y="1557338"/>
            <a:ext cx="3692069" cy="4386262"/>
          </a:xfrm>
        </p:spPr>
        <p:txBody>
          <a:body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423470861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 Content">
    <p:spTree>
      <p:nvGrpSpPr>
        <p:cNvPr id="1" name=""/>
        <p:cNvGrpSpPr/>
        <p:nvPr/>
      </p:nvGrpSpPr>
      <p:grpSpPr>
        <a:xfrm>
          <a:off x="0" y="0"/>
          <a:ext cx="0" cy="0"/>
          <a:chOff x="0" y="0"/>
          <a:chExt cx="0" cy="0"/>
        </a:xfrm>
      </p:grpSpPr>
      <p:sp>
        <p:nvSpPr>
          <p:cNvPr id="20" name="Picture Placeholder 6">
            <a:extLst>
              <a:ext uri="{FF2B5EF4-FFF2-40B4-BE49-F238E27FC236}">
                <a16:creationId xmlns:a16="http://schemas.microsoft.com/office/drawing/2014/main" id="{966ED41E-9AB4-3CFB-836B-D19A4C3E727D}"/>
              </a:ext>
            </a:extLst>
          </p:cNvPr>
          <p:cNvSpPr>
            <a:spLocks noGrp="1"/>
          </p:cNvSpPr>
          <p:nvPr>
            <p:ph type="pic" sz="quarter" idx="23" hasCustomPrompt="1"/>
          </p:nvPr>
        </p:nvSpPr>
        <p:spPr>
          <a:xfrm>
            <a:off x="8128000" y="1553188"/>
            <a:ext cx="3711575" cy="4390412"/>
          </a:xfrm>
          <a:solidFill>
            <a:schemeClr val="accent4"/>
          </a:solidFill>
        </p:spPr>
        <p:txBody>
          <a:bodyPr anchor="ctr"/>
          <a:lstStyle>
            <a:lvl1pPr algn="ctr">
              <a:defRPr sz="1600">
                <a:solidFill>
                  <a:schemeClr val="tx2"/>
                </a:solidFill>
                <a:latin typeface="+mj-lt"/>
              </a:defRPr>
            </a:lvl1pPr>
          </a:lstStyle>
          <a:p>
            <a:r>
              <a:rPr lang="en-US" dirty="0"/>
              <a:t>CLICK ICON TO ADD PICTURE</a:t>
            </a:r>
          </a:p>
          <a:p>
            <a:endParaRPr lang="en-US" dirty="0"/>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3C09AA8E-8C0E-1447-825C-7AEA08354986}" type="datetime1">
              <a:rPr lang="en-US" smtClean="0"/>
              <a:t>2/5/2024</a:t>
            </a:fld>
            <a:endParaRPr lang="en-US" dirty="0"/>
          </a:p>
        </p:txBody>
      </p:sp>
      <p:sp>
        <p:nvSpPr>
          <p:cNvPr id="4" name="Title 3">
            <a:extLst>
              <a:ext uri="{FF2B5EF4-FFF2-40B4-BE49-F238E27FC236}">
                <a16:creationId xmlns:a16="http://schemas.microsoft.com/office/drawing/2014/main" id="{BF7885EF-97F1-685C-99EB-9540663BE746}"/>
              </a:ext>
            </a:extLst>
          </p:cNvPr>
          <p:cNvSpPr>
            <a:spLocks noGrp="1"/>
          </p:cNvSpPr>
          <p:nvPr>
            <p:ph type="title"/>
          </p:nvPr>
        </p:nvSpPr>
        <p:spPr>
          <a:xfrm>
            <a:off x="365760" y="326553"/>
            <a:ext cx="7589836" cy="1047306"/>
          </a:xfrm>
        </p:spPr>
        <p:txBody>
          <a:bodyPr/>
          <a:lstStyle>
            <a:lvl1pPr>
              <a:defRPr b="1">
                <a:solidFill>
                  <a:schemeClr val="accent3"/>
                </a:solidFill>
              </a:defRPr>
            </a:lvl1pPr>
          </a:lstStyle>
          <a:p>
            <a:r>
              <a:rPr lang="en-US"/>
              <a:t>Click to edit Master title style</a:t>
            </a:r>
            <a:endParaRPr lang="en-US" dirty="0"/>
          </a:p>
        </p:txBody>
      </p:sp>
      <p:sp>
        <p:nvSpPr>
          <p:cNvPr id="11" name="Content Placeholder 11">
            <a:extLst>
              <a:ext uri="{FF2B5EF4-FFF2-40B4-BE49-F238E27FC236}">
                <a16:creationId xmlns:a16="http://schemas.microsoft.com/office/drawing/2014/main" id="{8A5A04C3-E237-1EE4-AFD0-A6C121942BD4}"/>
              </a:ext>
            </a:extLst>
          </p:cNvPr>
          <p:cNvSpPr>
            <a:spLocks noGrp="1"/>
          </p:cNvSpPr>
          <p:nvPr>
            <p:ph sz="quarter" idx="10"/>
          </p:nvPr>
        </p:nvSpPr>
        <p:spPr>
          <a:xfrm>
            <a:off x="362139" y="1557338"/>
            <a:ext cx="7593939" cy="4386262"/>
          </a:xfrm>
        </p:spPr>
        <p:txBody>
          <a:bodyPr/>
          <a:lstStyle/>
          <a:p>
            <a:pPr lvl="0"/>
            <a:r>
              <a:rPr lang="en-US"/>
              <a:t>Click to edit Master text styles</a:t>
            </a:r>
          </a:p>
          <a:p>
            <a:pPr lvl="1"/>
            <a:r>
              <a:rPr lang="en-US"/>
              <a:t>Second level</a:t>
            </a:r>
          </a:p>
          <a:p>
            <a:pPr lvl="2"/>
            <a:r>
              <a:rPr lang="en-US"/>
              <a:t>Third level</a:t>
            </a:r>
          </a:p>
        </p:txBody>
      </p:sp>
      <p:sp>
        <p:nvSpPr>
          <p:cNvPr id="12" name="Slide Number Placeholder 12">
            <a:extLst>
              <a:ext uri="{FF2B5EF4-FFF2-40B4-BE49-F238E27FC236}">
                <a16:creationId xmlns:a16="http://schemas.microsoft.com/office/drawing/2014/main" id="{8C8A8100-CEF1-A959-706C-362680308A25}"/>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8961809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 Cover">
    <p:bg bwMode="ltGray">
      <p:bgRef idx="1001">
        <a:schemeClr val="bg1"/>
      </p:bgRef>
    </p:bg>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9FC08E9A-3BF5-AF2C-453C-7D9E22615DF1}"/>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1B299F0C-5956-FB4D-A743-B30FF65526BE}" type="datetime1">
              <a:rPr lang="en-US" smtClean="0"/>
              <a:pPr/>
              <a:t>2/5/2024</a:t>
            </a:fld>
            <a:endParaRPr lang="en-US" dirty="0"/>
          </a:p>
        </p:txBody>
      </p:sp>
      <p:sp>
        <p:nvSpPr>
          <p:cNvPr id="4" name="Slide Number Placeholder 12">
            <a:extLst>
              <a:ext uri="{FF2B5EF4-FFF2-40B4-BE49-F238E27FC236}">
                <a16:creationId xmlns:a16="http://schemas.microsoft.com/office/drawing/2014/main" id="{D4E811EE-BBEE-D6ED-9D04-844C849B3DF3}"/>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5" name="Title 1">
            <a:extLst>
              <a:ext uri="{FF2B5EF4-FFF2-40B4-BE49-F238E27FC236}">
                <a16:creationId xmlns:a16="http://schemas.microsoft.com/office/drawing/2014/main" id="{9D187FE7-B89C-C23C-8575-CA95DE1DBB95}"/>
              </a:ext>
            </a:extLst>
          </p:cNvPr>
          <p:cNvSpPr>
            <a:spLocks noGrp="1"/>
          </p:cNvSpPr>
          <p:nvPr>
            <p:ph type="ctrTitle" hasCustomPrompt="1"/>
          </p:nvPr>
        </p:nvSpPr>
        <p:spPr>
          <a:xfrm>
            <a:off x="360000" y="1477658"/>
            <a:ext cx="8556988" cy="1820862"/>
          </a:xfrm>
          <a:noFill/>
        </p:spPr>
        <p:txBody>
          <a:bodyPr anchor="b" anchorCtr="0"/>
          <a:lstStyle>
            <a:lvl1pPr algn="l">
              <a:lnSpc>
                <a:spcPct val="95000"/>
              </a:lnSpc>
              <a:defRPr sz="6000" b="1">
                <a:solidFill>
                  <a:schemeClr val="accent3"/>
                </a:solidFill>
              </a:defRPr>
            </a:lvl1pPr>
          </a:lstStyle>
          <a:p>
            <a:r>
              <a:rPr lang="en-US" dirty="0"/>
              <a:t>Click to add title</a:t>
            </a:r>
          </a:p>
        </p:txBody>
      </p:sp>
      <p:sp>
        <p:nvSpPr>
          <p:cNvPr id="6" name="Text Placeholder 4">
            <a:extLst>
              <a:ext uri="{FF2B5EF4-FFF2-40B4-BE49-F238E27FC236}">
                <a16:creationId xmlns:a16="http://schemas.microsoft.com/office/drawing/2014/main" id="{9B394409-3C2E-D82D-DB92-B83D2A5DD854}"/>
              </a:ext>
            </a:extLst>
          </p:cNvPr>
          <p:cNvSpPr>
            <a:spLocks noGrp="1"/>
          </p:cNvSpPr>
          <p:nvPr>
            <p:ph type="body" sz="quarter" idx="13" hasCustomPrompt="1"/>
          </p:nvPr>
        </p:nvSpPr>
        <p:spPr>
          <a:xfrm>
            <a:off x="357188" y="3402431"/>
            <a:ext cx="8556988" cy="2439264"/>
          </a:xfrm>
        </p:spPr>
        <p:txBody>
          <a:bodyPr/>
          <a:lstStyle>
            <a:lvl1pPr marL="0" indent="0">
              <a:lnSpc>
                <a:spcPct val="95000"/>
              </a:lnSpc>
              <a:buNone/>
              <a:defRPr sz="2200">
                <a:solidFill>
                  <a:schemeClr val="accent3"/>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p>
        </p:txBody>
      </p:sp>
      <p:pic>
        <p:nvPicPr>
          <p:cNvPr id="7" name="Graphic 6">
            <a:extLst>
              <a:ext uri="{FF2B5EF4-FFF2-40B4-BE49-F238E27FC236}">
                <a16:creationId xmlns:a16="http://schemas.microsoft.com/office/drawing/2014/main" id="{DDCDC7AF-A609-9291-C1D8-EB06D1E389A8}"/>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7188" y="344462"/>
            <a:ext cx="640340" cy="640340"/>
          </a:xfrm>
          <a:prstGeom prst="rect">
            <a:avLst/>
          </a:prstGeom>
        </p:spPr>
      </p:pic>
    </p:spTree>
    <p:extLst>
      <p:ext uri="{BB962C8B-B14F-4D97-AF65-F5344CB8AC3E}">
        <p14:creationId xmlns:p14="http://schemas.microsoft.com/office/powerpoint/2010/main" val="250661048"/>
      </p:ext>
    </p:extLst>
  </p:cSld>
  <p:clrMapOvr>
    <a:overrideClrMapping bg1="lt1" tx1="dk1" bg2="lt2" tx2="dk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 Content">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26BD341-A3C8-C92A-23E8-0330419F21B1}"/>
              </a:ext>
            </a:extLst>
          </p:cNvPr>
          <p:cNvSpPr/>
          <p:nvPr userDrawn="1"/>
        </p:nvSpPr>
        <p:spPr>
          <a:xfrm>
            <a:off x="8174164" y="1554361"/>
            <a:ext cx="3660646" cy="4337804"/>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2"/>
              </a:solidFill>
            </a:endParaRP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088EF0BC-2D45-FB4F-BBA4-AC7F3C16A96D}" type="datetime1">
              <a:rPr lang="en-US" smtClean="0"/>
              <a:t>2/5/2024</a:t>
            </a:fld>
            <a:endParaRPr lang="en-US" dirty="0"/>
          </a:p>
        </p:txBody>
      </p:sp>
      <p:sp>
        <p:nvSpPr>
          <p:cNvPr id="7" name="Rectangle 6">
            <a:extLst>
              <a:ext uri="{FF2B5EF4-FFF2-40B4-BE49-F238E27FC236}">
                <a16:creationId xmlns:a16="http://schemas.microsoft.com/office/drawing/2014/main" id="{9190F263-3AFD-1751-E23A-8320EBDBE8F7}"/>
              </a:ext>
            </a:extLst>
          </p:cNvPr>
          <p:cNvSpPr/>
          <p:nvPr userDrawn="1"/>
        </p:nvSpPr>
        <p:spPr>
          <a:xfrm>
            <a:off x="8174166" y="1553549"/>
            <a:ext cx="3660646" cy="4284982"/>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2"/>
              </a:solidFill>
            </a:endParaRPr>
          </a:p>
        </p:txBody>
      </p:sp>
      <p:sp>
        <p:nvSpPr>
          <p:cNvPr id="18" name="Picture Placeholder 17">
            <a:extLst>
              <a:ext uri="{FF2B5EF4-FFF2-40B4-BE49-F238E27FC236}">
                <a16:creationId xmlns:a16="http://schemas.microsoft.com/office/drawing/2014/main" id="{34788F51-9DDD-A314-F6B1-7C57E085159D}"/>
              </a:ext>
            </a:extLst>
          </p:cNvPr>
          <p:cNvSpPr>
            <a:spLocks noGrp="1"/>
          </p:cNvSpPr>
          <p:nvPr>
            <p:ph type="pic" sz="quarter" idx="10" hasCustomPrompt="1"/>
          </p:nvPr>
        </p:nvSpPr>
        <p:spPr>
          <a:xfrm>
            <a:off x="8128000" y="1553958"/>
            <a:ext cx="3706811" cy="4386262"/>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bg2"/>
          </a:solidFill>
        </p:spPr>
        <p:txBody>
          <a:bodyPr wrap="square">
            <a:noAutofit/>
          </a:bodyPr>
          <a:lstStyle>
            <a:lvl1pPr marL="0" indent="0" algn="ctr">
              <a:buNone/>
              <a:defRPr sz="1600">
                <a:solidFill>
                  <a:schemeClr val="tx2"/>
                </a:solidFill>
              </a:defRPr>
            </a:lvl1pPr>
          </a:lstStyle>
          <a:p>
            <a:br>
              <a:rPr lang="en-US" dirty="0"/>
            </a:br>
            <a:br>
              <a:rPr lang="en-US" dirty="0"/>
            </a:br>
            <a:br>
              <a:rPr lang="en-US" dirty="0"/>
            </a:br>
            <a:r>
              <a:rPr lang="en-US" dirty="0"/>
              <a:t>CLICK ICON TO ADD PICTURE</a:t>
            </a:r>
          </a:p>
        </p:txBody>
      </p:sp>
      <p:sp>
        <p:nvSpPr>
          <p:cNvPr id="4" name="Title 3">
            <a:extLst>
              <a:ext uri="{FF2B5EF4-FFF2-40B4-BE49-F238E27FC236}">
                <a16:creationId xmlns:a16="http://schemas.microsoft.com/office/drawing/2014/main" id="{220E9190-F9C8-1CA4-2025-0D9D4B429B5E}"/>
              </a:ext>
            </a:extLst>
          </p:cNvPr>
          <p:cNvSpPr>
            <a:spLocks noGrp="1"/>
          </p:cNvSpPr>
          <p:nvPr>
            <p:ph type="title"/>
          </p:nvPr>
        </p:nvSpPr>
        <p:spPr>
          <a:xfrm>
            <a:off x="365760" y="326553"/>
            <a:ext cx="7589836" cy="1047306"/>
          </a:xfrm>
        </p:spPr>
        <p:txBody>
          <a:bodyPr/>
          <a:lstStyle>
            <a:lvl1pPr>
              <a:defRPr b="1">
                <a:solidFill>
                  <a:schemeClr val="accent3"/>
                </a:solidFill>
              </a:defRPr>
            </a:lvl1pPr>
          </a:lstStyle>
          <a:p>
            <a:r>
              <a:rPr lang="en-US"/>
              <a:t>Click to edit Master title style</a:t>
            </a:r>
            <a:endParaRPr lang="en-US" dirty="0"/>
          </a:p>
        </p:txBody>
      </p:sp>
      <p:sp>
        <p:nvSpPr>
          <p:cNvPr id="13" name="Content Placeholder 11">
            <a:extLst>
              <a:ext uri="{FF2B5EF4-FFF2-40B4-BE49-F238E27FC236}">
                <a16:creationId xmlns:a16="http://schemas.microsoft.com/office/drawing/2014/main" id="{FD145A80-635D-D769-03C7-00F92B269DC2}"/>
              </a:ext>
            </a:extLst>
          </p:cNvPr>
          <p:cNvSpPr>
            <a:spLocks noGrp="1"/>
          </p:cNvSpPr>
          <p:nvPr>
            <p:ph sz="quarter" idx="11"/>
          </p:nvPr>
        </p:nvSpPr>
        <p:spPr>
          <a:xfrm>
            <a:off x="362139" y="1557338"/>
            <a:ext cx="7593939" cy="4386262"/>
          </a:xfrm>
        </p:spPr>
        <p:txBody>
          <a:bodyPr/>
          <a:lstStyle/>
          <a:p>
            <a:pPr lvl="0"/>
            <a:r>
              <a:rPr lang="en-US"/>
              <a:t>Click to edit Master text styles</a:t>
            </a:r>
          </a:p>
          <a:p>
            <a:pPr lvl="1"/>
            <a:r>
              <a:rPr lang="en-US"/>
              <a:t>Second level</a:t>
            </a:r>
          </a:p>
          <a:p>
            <a:pPr lvl="2"/>
            <a:r>
              <a:rPr lang="en-US"/>
              <a:t>Third level</a:t>
            </a:r>
          </a:p>
        </p:txBody>
      </p:sp>
      <p:sp>
        <p:nvSpPr>
          <p:cNvPr id="14" name="Slide Number Placeholder 12">
            <a:extLst>
              <a:ext uri="{FF2B5EF4-FFF2-40B4-BE49-F238E27FC236}">
                <a16:creationId xmlns:a16="http://schemas.microsoft.com/office/drawing/2014/main" id="{33BC3FC8-6ACC-8088-BC99-75A29683BC71}"/>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56521328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 Conten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9190F263-3AFD-1751-E23A-8320EBDBE8F7}"/>
              </a:ext>
            </a:extLst>
          </p:cNvPr>
          <p:cNvSpPr/>
          <p:nvPr userDrawn="1"/>
        </p:nvSpPr>
        <p:spPr>
          <a:xfrm>
            <a:off x="8129398" y="1557338"/>
            <a:ext cx="3560634" cy="426851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2"/>
              </a:solidFill>
            </a:endParaRPr>
          </a:p>
        </p:txBody>
      </p:sp>
      <p:sp>
        <p:nvSpPr>
          <p:cNvPr id="18" name="Picture Placeholder 17">
            <a:extLst>
              <a:ext uri="{FF2B5EF4-FFF2-40B4-BE49-F238E27FC236}">
                <a16:creationId xmlns:a16="http://schemas.microsoft.com/office/drawing/2014/main" id="{34788F51-9DDD-A314-F6B1-7C57E085159D}"/>
              </a:ext>
            </a:extLst>
          </p:cNvPr>
          <p:cNvSpPr>
            <a:spLocks noGrp="1"/>
          </p:cNvSpPr>
          <p:nvPr>
            <p:ph type="pic" sz="quarter" idx="10" hasCustomPrompt="1"/>
          </p:nvPr>
        </p:nvSpPr>
        <p:spPr>
          <a:xfrm>
            <a:off x="8129398" y="1557338"/>
            <a:ext cx="3700463" cy="4386262"/>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algn="ctr">
              <a:defRPr sz="1600">
                <a:solidFill>
                  <a:schemeClr val="tx2"/>
                </a:solidFill>
              </a:defRPr>
            </a:lvl1pPr>
          </a:lstStyle>
          <a:p>
            <a:br>
              <a:rPr lang="en-US" dirty="0"/>
            </a:br>
            <a:br>
              <a:rPr lang="en-US" dirty="0"/>
            </a:br>
            <a:r>
              <a:rPr lang="en-US" dirty="0"/>
              <a:t>CLICK ICON TO ADD PICTURE</a:t>
            </a: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E29368BE-185F-8540-B0AC-45A6C1EA58C6}" type="datetime1">
              <a:rPr lang="en-US" smtClean="0"/>
              <a:pPr/>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6" name="Title 5">
            <a:extLst>
              <a:ext uri="{FF2B5EF4-FFF2-40B4-BE49-F238E27FC236}">
                <a16:creationId xmlns:a16="http://schemas.microsoft.com/office/drawing/2014/main" id="{B8407B2B-76DC-D1AF-1846-087FFC2C0D20}"/>
              </a:ext>
            </a:extLst>
          </p:cNvPr>
          <p:cNvSpPr>
            <a:spLocks noGrp="1"/>
          </p:cNvSpPr>
          <p:nvPr>
            <p:ph type="title"/>
          </p:nvPr>
        </p:nvSpPr>
        <p:spPr>
          <a:xfrm>
            <a:off x="365760" y="326553"/>
            <a:ext cx="7589836" cy="1047306"/>
          </a:xfrm>
        </p:spPr>
        <p:txBody>
          <a:bodyPr/>
          <a:lstStyle>
            <a:lvl1pPr>
              <a:defRPr b="1">
                <a:solidFill>
                  <a:schemeClr val="accent3"/>
                </a:solidFill>
              </a:defRPr>
            </a:lvl1pPr>
          </a:lstStyle>
          <a:p>
            <a:r>
              <a:rPr lang="en-US"/>
              <a:t>Click to edit Master title style</a:t>
            </a:r>
            <a:endParaRPr lang="en-US" dirty="0"/>
          </a:p>
        </p:txBody>
      </p:sp>
      <p:sp>
        <p:nvSpPr>
          <p:cNvPr id="12" name="Content Placeholder 11">
            <a:extLst>
              <a:ext uri="{FF2B5EF4-FFF2-40B4-BE49-F238E27FC236}">
                <a16:creationId xmlns:a16="http://schemas.microsoft.com/office/drawing/2014/main" id="{92D9856E-C449-A743-F857-AF517D270982}"/>
              </a:ext>
            </a:extLst>
          </p:cNvPr>
          <p:cNvSpPr>
            <a:spLocks noGrp="1"/>
          </p:cNvSpPr>
          <p:nvPr>
            <p:ph sz="quarter" idx="11"/>
          </p:nvPr>
        </p:nvSpPr>
        <p:spPr>
          <a:xfrm>
            <a:off x="362139" y="1557338"/>
            <a:ext cx="7593939" cy="4386262"/>
          </a:xfrm>
        </p:spPr>
        <p:txBody>
          <a:body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185688291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G. Content (white grid marks)">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4788F51-9DDD-A314-F6B1-7C57E085159D}"/>
              </a:ext>
            </a:extLst>
          </p:cNvPr>
          <p:cNvSpPr>
            <a:spLocks noGrp="1"/>
          </p:cNvSpPr>
          <p:nvPr>
            <p:ph type="pic" sz="quarter" idx="10" hasCustomPrompt="1"/>
          </p:nvPr>
        </p:nvSpPr>
        <p:spPr>
          <a:xfrm>
            <a:off x="8129398" y="1557338"/>
            <a:ext cx="3700463" cy="4386262"/>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algn="ctr">
              <a:defRPr sz="1600">
                <a:solidFill>
                  <a:schemeClr val="tx2"/>
                </a:solidFill>
              </a:defRPr>
            </a:lvl1pPr>
          </a:lstStyle>
          <a:p>
            <a:br>
              <a:rPr lang="en-US" dirty="0"/>
            </a:br>
            <a:br>
              <a:rPr lang="en-US" dirty="0"/>
            </a:br>
            <a:r>
              <a:rPr lang="en-US" dirty="0"/>
              <a:t>CLICK ICON TO ADD PICTURE</a:t>
            </a: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E29368BE-185F-8540-B0AC-45A6C1EA58C6}" type="datetime1">
              <a:rPr lang="en-US" smtClean="0"/>
              <a:pPr/>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6" name="Title 5">
            <a:extLst>
              <a:ext uri="{FF2B5EF4-FFF2-40B4-BE49-F238E27FC236}">
                <a16:creationId xmlns:a16="http://schemas.microsoft.com/office/drawing/2014/main" id="{B8407B2B-76DC-D1AF-1846-087FFC2C0D20}"/>
              </a:ext>
            </a:extLst>
          </p:cNvPr>
          <p:cNvSpPr>
            <a:spLocks noGrp="1"/>
          </p:cNvSpPr>
          <p:nvPr>
            <p:ph type="title"/>
          </p:nvPr>
        </p:nvSpPr>
        <p:spPr>
          <a:xfrm>
            <a:off x="365760" y="326553"/>
            <a:ext cx="7589836" cy="1047306"/>
          </a:xfrm>
        </p:spPr>
        <p:txBody>
          <a:bodyPr/>
          <a:lstStyle>
            <a:lvl1pPr>
              <a:defRPr b="1">
                <a:solidFill>
                  <a:schemeClr val="accent3"/>
                </a:solidFill>
              </a:defRPr>
            </a:lvl1pPr>
          </a:lstStyle>
          <a:p>
            <a:r>
              <a:rPr lang="en-US"/>
              <a:t>Click to edit Master title style</a:t>
            </a:r>
            <a:endParaRPr lang="en-US" dirty="0"/>
          </a:p>
        </p:txBody>
      </p:sp>
      <p:sp>
        <p:nvSpPr>
          <p:cNvPr id="12" name="Content Placeholder 11">
            <a:extLst>
              <a:ext uri="{FF2B5EF4-FFF2-40B4-BE49-F238E27FC236}">
                <a16:creationId xmlns:a16="http://schemas.microsoft.com/office/drawing/2014/main" id="{92D9856E-C449-A743-F857-AF517D270982}"/>
              </a:ext>
            </a:extLst>
          </p:cNvPr>
          <p:cNvSpPr>
            <a:spLocks noGrp="1"/>
          </p:cNvSpPr>
          <p:nvPr>
            <p:ph sz="quarter" idx="11"/>
          </p:nvPr>
        </p:nvSpPr>
        <p:spPr>
          <a:xfrm>
            <a:off x="362139" y="1557338"/>
            <a:ext cx="7593939" cy="4386262"/>
          </a:xfrm>
        </p:spPr>
        <p:txBody>
          <a:body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115165622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H. 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1B221970-FBC6-3B46-81B5-6BF6FC7F4BF8}" type="datetime1">
              <a:rPr lang="en-US" smtClean="0"/>
              <a:pPr/>
              <a:t>2/5/2024</a:t>
            </a:fld>
            <a:endParaRPr lang="en-US" dirty="0"/>
          </a:p>
        </p:txBody>
      </p:sp>
      <p:sp>
        <p:nvSpPr>
          <p:cNvPr id="4" name="Title 3">
            <a:extLst>
              <a:ext uri="{FF2B5EF4-FFF2-40B4-BE49-F238E27FC236}">
                <a16:creationId xmlns:a16="http://schemas.microsoft.com/office/drawing/2014/main" id="{127CED7D-A554-82B1-90F7-9A6621BF21EC}"/>
              </a:ext>
            </a:extLst>
          </p:cNvPr>
          <p:cNvSpPr>
            <a:spLocks noGrp="1"/>
          </p:cNvSpPr>
          <p:nvPr>
            <p:ph type="title"/>
          </p:nvPr>
        </p:nvSpPr>
        <p:spPr>
          <a:xfrm>
            <a:off x="365760" y="330201"/>
            <a:ext cx="7615238" cy="5612078"/>
          </a:xfrm>
        </p:spPr>
        <p:txBody>
          <a:bodyPr/>
          <a:lstStyle>
            <a:lvl1pPr>
              <a:defRPr b="1"/>
            </a:lvl1pPr>
          </a:lstStyle>
          <a:p>
            <a:r>
              <a:rPr lang="en-US"/>
              <a:t>Click to edit Master title style</a:t>
            </a:r>
            <a:endParaRPr lang="en-US" dirty="0"/>
          </a:p>
        </p:txBody>
      </p:sp>
      <p:sp>
        <p:nvSpPr>
          <p:cNvPr id="7" name="Content Placeholder 6">
            <a:extLst>
              <a:ext uri="{FF2B5EF4-FFF2-40B4-BE49-F238E27FC236}">
                <a16:creationId xmlns:a16="http://schemas.microsoft.com/office/drawing/2014/main" id="{2A062F65-1E63-A3BA-4850-F9A4BB7B56F2}"/>
              </a:ext>
            </a:extLst>
          </p:cNvPr>
          <p:cNvSpPr>
            <a:spLocks noGrp="1"/>
          </p:cNvSpPr>
          <p:nvPr>
            <p:ph sz="quarter" idx="10"/>
          </p:nvPr>
        </p:nvSpPr>
        <p:spPr>
          <a:xfrm>
            <a:off x="8128000" y="317500"/>
            <a:ext cx="3706813" cy="5626100"/>
          </a:xfrm>
        </p:spPr>
        <p:txBody>
          <a:bodyPr/>
          <a:lstStyle/>
          <a:p>
            <a:pPr lvl="0"/>
            <a:r>
              <a:rPr lang="en-US"/>
              <a:t>Click to edit Master text styles</a:t>
            </a:r>
          </a:p>
          <a:p>
            <a:pPr lvl="1"/>
            <a:r>
              <a:rPr lang="en-US"/>
              <a:t>Second level</a:t>
            </a:r>
          </a:p>
          <a:p>
            <a:pPr lvl="2"/>
            <a:r>
              <a:rPr lang="en-US"/>
              <a:t>Third level</a:t>
            </a:r>
          </a:p>
        </p:txBody>
      </p:sp>
      <p:sp>
        <p:nvSpPr>
          <p:cNvPr id="11" name="Slide Number Placeholder 12">
            <a:extLst>
              <a:ext uri="{FF2B5EF4-FFF2-40B4-BE49-F238E27FC236}">
                <a16:creationId xmlns:a16="http://schemas.microsoft.com/office/drawing/2014/main" id="{CFB6B56D-154A-679B-1598-9F5EFC930E0D}"/>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0028530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I. 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4BDC49D-C0AF-B74A-8A3D-2F3F19DA5556}"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3832A3DF-9B7E-FBEA-A544-1D7CDB7FFBAB}"/>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
        <p:nvSpPr>
          <p:cNvPr id="11" name="Text Placeholder 10">
            <a:extLst>
              <a:ext uri="{FF2B5EF4-FFF2-40B4-BE49-F238E27FC236}">
                <a16:creationId xmlns:a16="http://schemas.microsoft.com/office/drawing/2014/main" id="{F34EF185-EB08-1598-2E75-F2DF1A5061CE}"/>
              </a:ext>
            </a:extLst>
          </p:cNvPr>
          <p:cNvSpPr>
            <a:spLocks noGrp="1"/>
          </p:cNvSpPr>
          <p:nvPr>
            <p:ph type="body" sz="quarter" idx="26"/>
          </p:nvPr>
        </p:nvSpPr>
        <p:spPr>
          <a:xfrm>
            <a:off x="358776" y="3987263"/>
            <a:ext cx="3705224" cy="1955067"/>
          </a:xfrm>
        </p:spPr>
        <p:txBody>
          <a:bodyPr/>
          <a:lstStyle>
            <a:lvl1pPr>
              <a:defRPr sz="1600"/>
            </a:lvl1pPr>
            <a:lvl2pPr>
              <a:defRPr sz="1400"/>
            </a:lvl2pPr>
            <a:lvl3pPr>
              <a:defRPr sz="14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
        <p:nvSpPr>
          <p:cNvPr id="12" name="Text Placeholder 10">
            <a:extLst>
              <a:ext uri="{FF2B5EF4-FFF2-40B4-BE49-F238E27FC236}">
                <a16:creationId xmlns:a16="http://schemas.microsoft.com/office/drawing/2014/main" id="{9F8DBFB7-B3B9-C6B7-6BA3-A2B615BB2F6B}"/>
              </a:ext>
            </a:extLst>
          </p:cNvPr>
          <p:cNvSpPr>
            <a:spLocks noGrp="1"/>
          </p:cNvSpPr>
          <p:nvPr>
            <p:ph type="body" sz="quarter" idx="27"/>
          </p:nvPr>
        </p:nvSpPr>
        <p:spPr>
          <a:xfrm>
            <a:off x="4251765" y="3988533"/>
            <a:ext cx="3705224" cy="1955067"/>
          </a:xfrm>
        </p:spPr>
        <p:txBody>
          <a:bodyPr/>
          <a:lstStyle>
            <a:lvl1pPr>
              <a:defRPr sz="1600"/>
            </a:lvl1pPr>
            <a:lvl2pPr>
              <a:defRPr sz="1400"/>
            </a:lvl2pPr>
            <a:lvl3pPr>
              <a:defRPr sz="14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
        <p:nvSpPr>
          <p:cNvPr id="13" name="Text Placeholder 10">
            <a:extLst>
              <a:ext uri="{FF2B5EF4-FFF2-40B4-BE49-F238E27FC236}">
                <a16:creationId xmlns:a16="http://schemas.microsoft.com/office/drawing/2014/main" id="{CE0806AF-A291-F5B2-845A-2B1010AFF988}"/>
              </a:ext>
            </a:extLst>
          </p:cNvPr>
          <p:cNvSpPr>
            <a:spLocks noGrp="1"/>
          </p:cNvSpPr>
          <p:nvPr>
            <p:ph type="body" sz="quarter" idx="28"/>
          </p:nvPr>
        </p:nvSpPr>
        <p:spPr>
          <a:xfrm>
            <a:off x="8135702" y="3988533"/>
            <a:ext cx="3703637" cy="1955067"/>
          </a:xfrm>
        </p:spPr>
        <p:txBody>
          <a:bodyPr/>
          <a:lstStyle>
            <a:lvl1pPr>
              <a:defRPr sz="1600"/>
            </a:lvl1pPr>
            <a:lvl2pPr>
              <a:defRPr sz="1400"/>
            </a:lvl2pPr>
            <a:lvl3pPr>
              <a:defRPr sz="14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
        <p:nvSpPr>
          <p:cNvPr id="15" name="Picture Placeholder 7">
            <a:extLst>
              <a:ext uri="{FF2B5EF4-FFF2-40B4-BE49-F238E27FC236}">
                <a16:creationId xmlns:a16="http://schemas.microsoft.com/office/drawing/2014/main" id="{4F34B62B-DEE4-0618-2F1F-42EF59C40255}"/>
              </a:ext>
            </a:extLst>
          </p:cNvPr>
          <p:cNvSpPr>
            <a:spLocks noGrp="1"/>
          </p:cNvSpPr>
          <p:nvPr>
            <p:ph type="pic" sz="quarter" idx="11" hasCustomPrompt="1"/>
          </p:nvPr>
        </p:nvSpPr>
        <p:spPr>
          <a:xfrm>
            <a:off x="358774" y="1570200"/>
            <a:ext cx="3705225" cy="2221992"/>
          </a:xfrm>
          <a:solidFill>
            <a:schemeClr val="accent4"/>
          </a:solidFill>
        </p:spPr>
        <p:txBody>
          <a:bodyPr anchor="ctr"/>
          <a:lstStyle>
            <a:lvl1pPr marL="0" indent="0" algn="ctr">
              <a:buNone/>
              <a:defRPr sz="1200">
                <a:solidFill>
                  <a:schemeClr val="bg2"/>
                </a:solidFill>
                <a:latin typeface="+mn-lt"/>
              </a:defRPr>
            </a:lvl1pPr>
          </a:lstStyle>
          <a:p>
            <a:br>
              <a:rPr lang="en-US" dirty="0"/>
            </a:br>
            <a:br>
              <a:rPr lang="en-US" dirty="0"/>
            </a:br>
            <a:br>
              <a:rPr lang="en-US" dirty="0"/>
            </a:br>
            <a:r>
              <a:rPr lang="en-US" dirty="0"/>
              <a:t>CLICK ICON TO ADD PICTURE</a:t>
            </a:r>
          </a:p>
        </p:txBody>
      </p:sp>
      <p:sp>
        <p:nvSpPr>
          <p:cNvPr id="16" name="Picture Placeholder 7">
            <a:extLst>
              <a:ext uri="{FF2B5EF4-FFF2-40B4-BE49-F238E27FC236}">
                <a16:creationId xmlns:a16="http://schemas.microsoft.com/office/drawing/2014/main" id="{F465C4F6-BCD7-C59F-9D2F-CF8F07EACE4C}"/>
              </a:ext>
            </a:extLst>
          </p:cNvPr>
          <p:cNvSpPr>
            <a:spLocks noGrp="1"/>
          </p:cNvSpPr>
          <p:nvPr>
            <p:ph type="pic" sz="quarter" idx="18" hasCustomPrompt="1"/>
          </p:nvPr>
        </p:nvSpPr>
        <p:spPr>
          <a:xfrm>
            <a:off x="8128000" y="1570200"/>
            <a:ext cx="3711339" cy="2221992"/>
          </a:xfrm>
          <a:solidFill>
            <a:schemeClr val="accent4"/>
          </a:solidFill>
        </p:spPr>
        <p:txBody>
          <a:bodyPr anchor="ctr"/>
          <a:lstStyle>
            <a:lvl1pPr marL="0" indent="0" algn="ctr">
              <a:buNone/>
              <a:defRPr sz="1200">
                <a:solidFill>
                  <a:schemeClr val="bg2"/>
                </a:solidFill>
                <a:latin typeface="+mn-lt"/>
              </a:defRPr>
            </a:lvl1pPr>
          </a:lstStyle>
          <a:p>
            <a:br>
              <a:rPr lang="en-US" dirty="0"/>
            </a:br>
            <a:br>
              <a:rPr lang="en-US" dirty="0"/>
            </a:br>
            <a:br>
              <a:rPr lang="en-US" dirty="0"/>
            </a:br>
            <a:r>
              <a:rPr lang="en-US" dirty="0"/>
              <a:t>CLICK ICON TO ADD PICTURE</a:t>
            </a:r>
          </a:p>
        </p:txBody>
      </p:sp>
      <p:sp>
        <p:nvSpPr>
          <p:cNvPr id="18" name="Picture Placeholder 7">
            <a:extLst>
              <a:ext uri="{FF2B5EF4-FFF2-40B4-BE49-F238E27FC236}">
                <a16:creationId xmlns:a16="http://schemas.microsoft.com/office/drawing/2014/main" id="{C3CEE7AD-ACA5-A2F3-D0D6-4AEB0E8D2969}"/>
              </a:ext>
            </a:extLst>
          </p:cNvPr>
          <p:cNvSpPr>
            <a:spLocks noGrp="1"/>
          </p:cNvSpPr>
          <p:nvPr>
            <p:ph type="pic" sz="quarter" idx="21" hasCustomPrompt="1"/>
          </p:nvPr>
        </p:nvSpPr>
        <p:spPr>
          <a:xfrm>
            <a:off x="4243387" y="1570200"/>
            <a:ext cx="3703637" cy="2221992"/>
          </a:xfrm>
          <a:solidFill>
            <a:schemeClr val="accent4"/>
          </a:solidFill>
        </p:spPr>
        <p:txBody>
          <a:bodyPr anchor="ctr"/>
          <a:lstStyle>
            <a:lvl1pPr marL="0" indent="0" algn="ctr">
              <a:buNone/>
              <a:defRPr sz="1200">
                <a:solidFill>
                  <a:schemeClr val="bg2"/>
                </a:solidFill>
                <a:latin typeface="+mn-lt"/>
              </a:defRPr>
            </a:lvl1pPr>
          </a:lstStyle>
          <a:p>
            <a:br>
              <a:rPr lang="en-US" dirty="0"/>
            </a:br>
            <a:br>
              <a:rPr lang="en-US" dirty="0"/>
            </a:br>
            <a:br>
              <a:rPr lang="en-US" dirty="0"/>
            </a:br>
            <a:r>
              <a:rPr lang="en-US" dirty="0"/>
              <a:t>CLICK ICON TO ADD PICTURE</a:t>
            </a:r>
          </a:p>
        </p:txBody>
      </p:sp>
    </p:spTree>
    <p:extLst>
      <p:ext uri="{BB962C8B-B14F-4D97-AF65-F5344CB8AC3E}">
        <p14:creationId xmlns:p14="http://schemas.microsoft.com/office/powerpoint/2010/main" val="723415497"/>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J. 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AC7E6E6C-C9F3-3149-96A8-F3AF22676980}"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6" name="Rectangle 5">
            <a:extLst>
              <a:ext uri="{FF2B5EF4-FFF2-40B4-BE49-F238E27FC236}">
                <a16:creationId xmlns:a16="http://schemas.microsoft.com/office/drawing/2014/main" id="{315E1DD3-1318-5D6C-CB6B-FD66089322D4}"/>
              </a:ext>
            </a:extLst>
          </p:cNvPr>
          <p:cNvSpPr/>
          <p:nvPr userDrawn="1"/>
        </p:nvSpPr>
        <p:spPr>
          <a:xfrm>
            <a:off x="357189" y="1576942"/>
            <a:ext cx="3580841" cy="2183406"/>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p>
        </p:txBody>
      </p:sp>
      <p:sp>
        <p:nvSpPr>
          <p:cNvPr id="8" name="Picture Placeholder 44">
            <a:extLst>
              <a:ext uri="{FF2B5EF4-FFF2-40B4-BE49-F238E27FC236}">
                <a16:creationId xmlns:a16="http://schemas.microsoft.com/office/drawing/2014/main" id="{B5C1B707-463F-D3C3-6FDA-FBA84A5B0308}"/>
              </a:ext>
            </a:extLst>
          </p:cNvPr>
          <p:cNvSpPr>
            <a:spLocks noGrp="1"/>
          </p:cNvSpPr>
          <p:nvPr>
            <p:ph type="pic" sz="quarter" idx="10" hasCustomPrompt="1"/>
          </p:nvPr>
        </p:nvSpPr>
        <p:spPr>
          <a:xfrm>
            <a:off x="357189" y="1557338"/>
            <a:ext cx="3706811" cy="2207059"/>
          </a:xfrm>
          <a:custGeom>
            <a:avLst/>
            <a:gdLst>
              <a:gd name="connsiteX0" fmla="*/ 3287352 w 3601561"/>
              <a:gd name="connsiteY0" fmla="*/ 1810908 h 2187455"/>
              <a:gd name="connsiteX1" fmla="*/ 3287352 w 3601561"/>
              <a:gd name="connsiteY1" fmla="*/ 1878878 h 2187455"/>
              <a:gd name="connsiteX2" fmla="*/ 3217329 w 3601561"/>
              <a:gd name="connsiteY2" fmla="*/ 1878878 h 2187455"/>
              <a:gd name="connsiteX3" fmla="*/ 3217329 w 3601561"/>
              <a:gd name="connsiteY3" fmla="*/ 1900069 h 2187455"/>
              <a:gd name="connsiteX4" fmla="*/ 3287352 w 3601561"/>
              <a:gd name="connsiteY4" fmla="*/ 1900069 h 2187455"/>
              <a:gd name="connsiteX5" fmla="*/ 3287352 w 3601561"/>
              <a:gd name="connsiteY5" fmla="*/ 1968039 h 2187455"/>
              <a:gd name="connsiteX6" fmla="*/ 3308582 w 3601561"/>
              <a:gd name="connsiteY6" fmla="*/ 1968039 h 2187455"/>
              <a:gd name="connsiteX7" fmla="*/ 3308582 w 3601561"/>
              <a:gd name="connsiteY7" fmla="*/ 1900069 h 2187455"/>
              <a:gd name="connsiteX8" fmla="*/ 3378605 w 3601561"/>
              <a:gd name="connsiteY8" fmla="*/ 1900069 h 2187455"/>
              <a:gd name="connsiteX9" fmla="*/ 3378605 w 3601561"/>
              <a:gd name="connsiteY9" fmla="*/ 1878878 h 2187455"/>
              <a:gd name="connsiteX10" fmla="*/ 3308582 w 3601561"/>
              <a:gd name="connsiteY10" fmla="*/ 1878878 h 2187455"/>
              <a:gd name="connsiteX11" fmla="*/ 3308582 w 3601561"/>
              <a:gd name="connsiteY11" fmla="*/ 1810908 h 2187455"/>
              <a:gd name="connsiteX12" fmla="*/ 293562 w 3601561"/>
              <a:gd name="connsiteY12" fmla="*/ 1810908 h 2187455"/>
              <a:gd name="connsiteX13" fmla="*/ 293562 w 3601561"/>
              <a:gd name="connsiteY13" fmla="*/ 1878878 h 2187455"/>
              <a:gd name="connsiteX14" fmla="*/ 223539 w 3601561"/>
              <a:gd name="connsiteY14" fmla="*/ 1878878 h 2187455"/>
              <a:gd name="connsiteX15" fmla="*/ 223539 w 3601561"/>
              <a:gd name="connsiteY15" fmla="*/ 1900069 h 2187455"/>
              <a:gd name="connsiteX16" fmla="*/ 293562 w 3601561"/>
              <a:gd name="connsiteY16" fmla="*/ 1900069 h 2187455"/>
              <a:gd name="connsiteX17" fmla="*/ 293562 w 3601561"/>
              <a:gd name="connsiteY17" fmla="*/ 1968039 h 2187455"/>
              <a:gd name="connsiteX18" fmla="*/ 314793 w 3601561"/>
              <a:gd name="connsiteY18" fmla="*/ 1968039 h 2187455"/>
              <a:gd name="connsiteX19" fmla="*/ 314793 w 3601561"/>
              <a:gd name="connsiteY19" fmla="*/ 1900069 h 2187455"/>
              <a:gd name="connsiteX20" fmla="*/ 384816 w 3601561"/>
              <a:gd name="connsiteY20" fmla="*/ 1900069 h 2187455"/>
              <a:gd name="connsiteX21" fmla="*/ 384816 w 3601561"/>
              <a:gd name="connsiteY21" fmla="*/ 1878878 h 2187455"/>
              <a:gd name="connsiteX22" fmla="*/ 314793 w 3601561"/>
              <a:gd name="connsiteY22" fmla="*/ 1878878 h 2187455"/>
              <a:gd name="connsiteX23" fmla="*/ 314793 w 3601561"/>
              <a:gd name="connsiteY23" fmla="*/ 1810908 h 2187455"/>
              <a:gd name="connsiteX24" fmla="*/ 3287352 w 3601561"/>
              <a:gd name="connsiteY24" fmla="*/ 223118 h 2187455"/>
              <a:gd name="connsiteX25" fmla="*/ 3287352 w 3601561"/>
              <a:gd name="connsiteY25" fmla="*/ 291089 h 2187455"/>
              <a:gd name="connsiteX26" fmla="*/ 3217329 w 3601561"/>
              <a:gd name="connsiteY26" fmla="*/ 291089 h 2187455"/>
              <a:gd name="connsiteX27" fmla="*/ 3217329 w 3601561"/>
              <a:gd name="connsiteY27" fmla="*/ 312279 h 2187455"/>
              <a:gd name="connsiteX28" fmla="*/ 3287352 w 3601561"/>
              <a:gd name="connsiteY28" fmla="*/ 312279 h 2187455"/>
              <a:gd name="connsiteX29" fmla="*/ 3287352 w 3601561"/>
              <a:gd name="connsiteY29" fmla="*/ 380249 h 2187455"/>
              <a:gd name="connsiteX30" fmla="*/ 3308582 w 3601561"/>
              <a:gd name="connsiteY30" fmla="*/ 380249 h 2187455"/>
              <a:gd name="connsiteX31" fmla="*/ 3308582 w 3601561"/>
              <a:gd name="connsiteY31" fmla="*/ 312279 h 2187455"/>
              <a:gd name="connsiteX32" fmla="*/ 3378605 w 3601561"/>
              <a:gd name="connsiteY32" fmla="*/ 312279 h 2187455"/>
              <a:gd name="connsiteX33" fmla="*/ 3378605 w 3601561"/>
              <a:gd name="connsiteY33" fmla="*/ 291089 h 2187455"/>
              <a:gd name="connsiteX34" fmla="*/ 3308582 w 3601561"/>
              <a:gd name="connsiteY34" fmla="*/ 291089 h 2187455"/>
              <a:gd name="connsiteX35" fmla="*/ 3308582 w 3601561"/>
              <a:gd name="connsiteY35" fmla="*/ 223118 h 2187455"/>
              <a:gd name="connsiteX36" fmla="*/ 293500 w 3601561"/>
              <a:gd name="connsiteY36" fmla="*/ 223056 h 2187455"/>
              <a:gd name="connsiteX37" fmla="*/ 293500 w 3601561"/>
              <a:gd name="connsiteY37" fmla="*/ 291027 h 2187455"/>
              <a:gd name="connsiteX38" fmla="*/ 223477 w 3601561"/>
              <a:gd name="connsiteY38" fmla="*/ 291027 h 2187455"/>
              <a:gd name="connsiteX39" fmla="*/ 223477 w 3601561"/>
              <a:gd name="connsiteY39" fmla="*/ 312217 h 2187455"/>
              <a:gd name="connsiteX40" fmla="*/ 293500 w 3601561"/>
              <a:gd name="connsiteY40" fmla="*/ 312217 h 2187455"/>
              <a:gd name="connsiteX41" fmla="*/ 293500 w 3601561"/>
              <a:gd name="connsiteY41" fmla="*/ 380187 h 2187455"/>
              <a:gd name="connsiteX42" fmla="*/ 314731 w 3601561"/>
              <a:gd name="connsiteY42" fmla="*/ 380187 h 2187455"/>
              <a:gd name="connsiteX43" fmla="*/ 314731 w 3601561"/>
              <a:gd name="connsiteY43" fmla="*/ 312217 h 2187455"/>
              <a:gd name="connsiteX44" fmla="*/ 384753 w 3601561"/>
              <a:gd name="connsiteY44" fmla="*/ 312217 h 2187455"/>
              <a:gd name="connsiteX45" fmla="*/ 384753 w 3601561"/>
              <a:gd name="connsiteY45" fmla="*/ 291027 h 2187455"/>
              <a:gd name="connsiteX46" fmla="*/ 314731 w 3601561"/>
              <a:gd name="connsiteY46" fmla="*/ 291027 h 2187455"/>
              <a:gd name="connsiteX47" fmla="*/ 314731 w 3601561"/>
              <a:gd name="connsiteY47" fmla="*/ 223056 h 2187455"/>
              <a:gd name="connsiteX48" fmla="*/ 0 w 3601561"/>
              <a:gd name="connsiteY48" fmla="*/ 0 h 2187455"/>
              <a:gd name="connsiteX49" fmla="*/ 3601561 w 3601561"/>
              <a:gd name="connsiteY49" fmla="*/ 0 h 2187455"/>
              <a:gd name="connsiteX50" fmla="*/ 3601561 w 3601561"/>
              <a:gd name="connsiteY50" fmla="*/ 2187455 h 2187455"/>
              <a:gd name="connsiteX51" fmla="*/ 0 w 3601561"/>
              <a:gd name="connsiteY51" fmla="*/ 2187455 h 2187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01561" h="2187455">
                <a:moveTo>
                  <a:pt x="3287352" y="1810908"/>
                </a:moveTo>
                <a:lnTo>
                  <a:pt x="3287352" y="1878878"/>
                </a:lnTo>
                <a:lnTo>
                  <a:pt x="3217329" y="1878878"/>
                </a:lnTo>
                <a:lnTo>
                  <a:pt x="3217329" y="1900069"/>
                </a:lnTo>
                <a:lnTo>
                  <a:pt x="3287352" y="1900069"/>
                </a:lnTo>
                <a:lnTo>
                  <a:pt x="3287352" y="1968039"/>
                </a:lnTo>
                <a:lnTo>
                  <a:pt x="3308582" y="1968039"/>
                </a:lnTo>
                <a:lnTo>
                  <a:pt x="3308582" y="1900069"/>
                </a:lnTo>
                <a:lnTo>
                  <a:pt x="3378605" y="1900069"/>
                </a:lnTo>
                <a:lnTo>
                  <a:pt x="3378605" y="1878878"/>
                </a:lnTo>
                <a:lnTo>
                  <a:pt x="3308582" y="1878878"/>
                </a:lnTo>
                <a:lnTo>
                  <a:pt x="3308582" y="1810908"/>
                </a:lnTo>
                <a:close/>
                <a:moveTo>
                  <a:pt x="293562" y="1810908"/>
                </a:moveTo>
                <a:lnTo>
                  <a:pt x="293562" y="1878878"/>
                </a:lnTo>
                <a:lnTo>
                  <a:pt x="223539" y="1878878"/>
                </a:lnTo>
                <a:lnTo>
                  <a:pt x="223539" y="1900069"/>
                </a:lnTo>
                <a:lnTo>
                  <a:pt x="293562" y="1900069"/>
                </a:lnTo>
                <a:lnTo>
                  <a:pt x="293562" y="1968039"/>
                </a:lnTo>
                <a:lnTo>
                  <a:pt x="314793" y="1968039"/>
                </a:lnTo>
                <a:lnTo>
                  <a:pt x="314793" y="1900069"/>
                </a:lnTo>
                <a:lnTo>
                  <a:pt x="384816" y="1900069"/>
                </a:lnTo>
                <a:lnTo>
                  <a:pt x="384816" y="1878878"/>
                </a:lnTo>
                <a:lnTo>
                  <a:pt x="314793" y="1878878"/>
                </a:lnTo>
                <a:lnTo>
                  <a:pt x="314793" y="1810908"/>
                </a:lnTo>
                <a:close/>
                <a:moveTo>
                  <a:pt x="3287352" y="223118"/>
                </a:moveTo>
                <a:lnTo>
                  <a:pt x="3287352" y="291089"/>
                </a:lnTo>
                <a:lnTo>
                  <a:pt x="3217329" y="291089"/>
                </a:lnTo>
                <a:lnTo>
                  <a:pt x="3217329" y="312279"/>
                </a:lnTo>
                <a:lnTo>
                  <a:pt x="3287352" y="312279"/>
                </a:lnTo>
                <a:lnTo>
                  <a:pt x="3287352" y="380249"/>
                </a:lnTo>
                <a:lnTo>
                  <a:pt x="3308582" y="380249"/>
                </a:lnTo>
                <a:lnTo>
                  <a:pt x="3308582" y="312279"/>
                </a:lnTo>
                <a:lnTo>
                  <a:pt x="3378605" y="312279"/>
                </a:lnTo>
                <a:lnTo>
                  <a:pt x="3378605" y="291089"/>
                </a:lnTo>
                <a:lnTo>
                  <a:pt x="3308582" y="291089"/>
                </a:lnTo>
                <a:lnTo>
                  <a:pt x="3308582" y="223118"/>
                </a:lnTo>
                <a:close/>
                <a:moveTo>
                  <a:pt x="293500" y="223056"/>
                </a:moveTo>
                <a:lnTo>
                  <a:pt x="293500" y="291027"/>
                </a:lnTo>
                <a:lnTo>
                  <a:pt x="223477" y="291027"/>
                </a:lnTo>
                <a:lnTo>
                  <a:pt x="223477" y="312217"/>
                </a:lnTo>
                <a:lnTo>
                  <a:pt x="293500" y="312217"/>
                </a:lnTo>
                <a:lnTo>
                  <a:pt x="293500" y="380187"/>
                </a:lnTo>
                <a:lnTo>
                  <a:pt x="314731" y="380187"/>
                </a:lnTo>
                <a:lnTo>
                  <a:pt x="314731" y="312217"/>
                </a:lnTo>
                <a:lnTo>
                  <a:pt x="384753" y="312217"/>
                </a:lnTo>
                <a:lnTo>
                  <a:pt x="384753" y="291027"/>
                </a:lnTo>
                <a:lnTo>
                  <a:pt x="314731" y="291027"/>
                </a:lnTo>
                <a:lnTo>
                  <a:pt x="314731" y="223056"/>
                </a:lnTo>
                <a:close/>
                <a:moveTo>
                  <a:pt x="0" y="0"/>
                </a:moveTo>
                <a:lnTo>
                  <a:pt x="3601561" y="0"/>
                </a:lnTo>
                <a:lnTo>
                  <a:pt x="3601561" y="2187455"/>
                </a:lnTo>
                <a:lnTo>
                  <a:pt x="0" y="2187455"/>
                </a:lnTo>
                <a:close/>
              </a:path>
            </a:pathLst>
          </a:custGeom>
          <a:solidFill>
            <a:schemeClr val="bg2"/>
          </a:solidFill>
        </p:spPr>
        <p:txBody>
          <a:bodyPr wrap="square">
            <a:noAutofit/>
          </a:bodyPr>
          <a:lstStyle>
            <a:lvl1pPr marL="0" indent="0" algn="ctr">
              <a:buNone/>
              <a:defRPr sz="1200">
                <a:solidFill>
                  <a:schemeClr val="tx2"/>
                </a:solidFill>
              </a:defRPr>
            </a:lvl1pPr>
          </a:lstStyle>
          <a:p>
            <a:br>
              <a:rPr lang="en-US" dirty="0"/>
            </a:br>
            <a:r>
              <a:rPr lang="en-US" dirty="0"/>
              <a:t>CLICK ICON TO ADD PICTURE</a:t>
            </a:r>
          </a:p>
        </p:txBody>
      </p:sp>
      <p:sp>
        <p:nvSpPr>
          <p:cNvPr id="12" name="Rectangle 11">
            <a:extLst>
              <a:ext uri="{FF2B5EF4-FFF2-40B4-BE49-F238E27FC236}">
                <a16:creationId xmlns:a16="http://schemas.microsoft.com/office/drawing/2014/main" id="{91C275A3-5726-09B4-7FF5-CA02B0CF4BE1}"/>
              </a:ext>
            </a:extLst>
          </p:cNvPr>
          <p:cNvSpPr/>
          <p:nvPr userDrawn="1"/>
        </p:nvSpPr>
        <p:spPr>
          <a:xfrm>
            <a:off x="4243388" y="1572893"/>
            <a:ext cx="3570841" cy="2183406"/>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p>
        </p:txBody>
      </p:sp>
      <p:sp>
        <p:nvSpPr>
          <p:cNvPr id="13" name="Picture Placeholder 44">
            <a:extLst>
              <a:ext uri="{FF2B5EF4-FFF2-40B4-BE49-F238E27FC236}">
                <a16:creationId xmlns:a16="http://schemas.microsoft.com/office/drawing/2014/main" id="{E1229170-A1C6-34FA-650F-61CF70E730D2}"/>
              </a:ext>
            </a:extLst>
          </p:cNvPr>
          <p:cNvSpPr>
            <a:spLocks noGrp="1"/>
          </p:cNvSpPr>
          <p:nvPr>
            <p:ph type="pic" sz="quarter" idx="27" hasCustomPrompt="1"/>
          </p:nvPr>
        </p:nvSpPr>
        <p:spPr>
          <a:xfrm>
            <a:off x="4243387" y="1557339"/>
            <a:ext cx="3703637" cy="2203010"/>
          </a:xfrm>
          <a:custGeom>
            <a:avLst/>
            <a:gdLst>
              <a:gd name="connsiteX0" fmla="*/ 3287352 w 3601561"/>
              <a:gd name="connsiteY0" fmla="*/ 1810908 h 2187455"/>
              <a:gd name="connsiteX1" fmla="*/ 3287352 w 3601561"/>
              <a:gd name="connsiteY1" fmla="*/ 1878878 h 2187455"/>
              <a:gd name="connsiteX2" fmla="*/ 3217329 w 3601561"/>
              <a:gd name="connsiteY2" fmla="*/ 1878878 h 2187455"/>
              <a:gd name="connsiteX3" fmla="*/ 3217329 w 3601561"/>
              <a:gd name="connsiteY3" fmla="*/ 1900069 h 2187455"/>
              <a:gd name="connsiteX4" fmla="*/ 3287352 w 3601561"/>
              <a:gd name="connsiteY4" fmla="*/ 1900069 h 2187455"/>
              <a:gd name="connsiteX5" fmla="*/ 3287352 w 3601561"/>
              <a:gd name="connsiteY5" fmla="*/ 1968039 h 2187455"/>
              <a:gd name="connsiteX6" fmla="*/ 3308582 w 3601561"/>
              <a:gd name="connsiteY6" fmla="*/ 1968039 h 2187455"/>
              <a:gd name="connsiteX7" fmla="*/ 3308582 w 3601561"/>
              <a:gd name="connsiteY7" fmla="*/ 1900069 h 2187455"/>
              <a:gd name="connsiteX8" fmla="*/ 3378605 w 3601561"/>
              <a:gd name="connsiteY8" fmla="*/ 1900069 h 2187455"/>
              <a:gd name="connsiteX9" fmla="*/ 3378605 w 3601561"/>
              <a:gd name="connsiteY9" fmla="*/ 1878878 h 2187455"/>
              <a:gd name="connsiteX10" fmla="*/ 3308582 w 3601561"/>
              <a:gd name="connsiteY10" fmla="*/ 1878878 h 2187455"/>
              <a:gd name="connsiteX11" fmla="*/ 3308582 w 3601561"/>
              <a:gd name="connsiteY11" fmla="*/ 1810908 h 2187455"/>
              <a:gd name="connsiteX12" fmla="*/ 293562 w 3601561"/>
              <a:gd name="connsiteY12" fmla="*/ 1810908 h 2187455"/>
              <a:gd name="connsiteX13" fmla="*/ 293562 w 3601561"/>
              <a:gd name="connsiteY13" fmla="*/ 1878878 h 2187455"/>
              <a:gd name="connsiteX14" fmla="*/ 223539 w 3601561"/>
              <a:gd name="connsiteY14" fmla="*/ 1878878 h 2187455"/>
              <a:gd name="connsiteX15" fmla="*/ 223539 w 3601561"/>
              <a:gd name="connsiteY15" fmla="*/ 1900069 h 2187455"/>
              <a:gd name="connsiteX16" fmla="*/ 293562 w 3601561"/>
              <a:gd name="connsiteY16" fmla="*/ 1900069 h 2187455"/>
              <a:gd name="connsiteX17" fmla="*/ 293562 w 3601561"/>
              <a:gd name="connsiteY17" fmla="*/ 1968039 h 2187455"/>
              <a:gd name="connsiteX18" fmla="*/ 314793 w 3601561"/>
              <a:gd name="connsiteY18" fmla="*/ 1968039 h 2187455"/>
              <a:gd name="connsiteX19" fmla="*/ 314793 w 3601561"/>
              <a:gd name="connsiteY19" fmla="*/ 1900069 h 2187455"/>
              <a:gd name="connsiteX20" fmla="*/ 384816 w 3601561"/>
              <a:gd name="connsiteY20" fmla="*/ 1900069 h 2187455"/>
              <a:gd name="connsiteX21" fmla="*/ 384816 w 3601561"/>
              <a:gd name="connsiteY21" fmla="*/ 1878878 h 2187455"/>
              <a:gd name="connsiteX22" fmla="*/ 314793 w 3601561"/>
              <a:gd name="connsiteY22" fmla="*/ 1878878 h 2187455"/>
              <a:gd name="connsiteX23" fmla="*/ 314793 w 3601561"/>
              <a:gd name="connsiteY23" fmla="*/ 1810908 h 2187455"/>
              <a:gd name="connsiteX24" fmla="*/ 3287352 w 3601561"/>
              <a:gd name="connsiteY24" fmla="*/ 223118 h 2187455"/>
              <a:gd name="connsiteX25" fmla="*/ 3287352 w 3601561"/>
              <a:gd name="connsiteY25" fmla="*/ 291089 h 2187455"/>
              <a:gd name="connsiteX26" fmla="*/ 3217329 w 3601561"/>
              <a:gd name="connsiteY26" fmla="*/ 291089 h 2187455"/>
              <a:gd name="connsiteX27" fmla="*/ 3217329 w 3601561"/>
              <a:gd name="connsiteY27" fmla="*/ 312279 h 2187455"/>
              <a:gd name="connsiteX28" fmla="*/ 3287352 w 3601561"/>
              <a:gd name="connsiteY28" fmla="*/ 312279 h 2187455"/>
              <a:gd name="connsiteX29" fmla="*/ 3287352 w 3601561"/>
              <a:gd name="connsiteY29" fmla="*/ 380249 h 2187455"/>
              <a:gd name="connsiteX30" fmla="*/ 3308582 w 3601561"/>
              <a:gd name="connsiteY30" fmla="*/ 380249 h 2187455"/>
              <a:gd name="connsiteX31" fmla="*/ 3308582 w 3601561"/>
              <a:gd name="connsiteY31" fmla="*/ 312279 h 2187455"/>
              <a:gd name="connsiteX32" fmla="*/ 3378605 w 3601561"/>
              <a:gd name="connsiteY32" fmla="*/ 312279 h 2187455"/>
              <a:gd name="connsiteX33" fmla="*/ 3378605 w 3601561"/>
              <a:gd name="connsiteY33" fmla="*/ 291089 h 2187455"/>
              <a:gd name="connsiteX34" fmla="*/ 3308582 w 3601561"/>
              <a:gd name="connsiteY34" fmla="*/ 291089 h 2187455"/>
              <a:gd name="connsiteX35" fmla="*/ 3308582 w 3601561"/>
              <a:gd name="connsiteY35" fmla="*/ 223118 h 2187455"/>
              <a:gd name="connsiteX36" fmla="*/ 293500 w 3601561"/>
              <a:gd name="connsiteY36" fmla="*/ 223056 h 2187455"/>
              <a:gd name="connsiteX37" fmla="*/ 293500 w 3601561"/>
              <a:gd name="connsiteY37" fmla="*/ 291027 h 2187455"/>
              <a:gd name="connsiteX38" fmla="*/ 223477 w 3601561"/>
              <a:gd name="connsiteY38" fmla="*/ 291027 h 2187455"/>
              <a:gd name="connsiteX39" fmla="*/ 223477 w 3601561"/>
              <a:gd name="connsiteY39" fmla="*/ 312217 h 2187455"/>
              <a:gd name="connsiteX40" fmla="*/ 293500 w 3601561"/>
              <a:gd name="connsiteY40" fmla="*/ 312217 h 2187455"/>
              <a:gd name="connsiteX41" fmla="*/ 293500 w 3601561"/>
              <a:gd name="connsiteY41" fmla="*/ 380187 h 2187455"/>
              <a:gd name="connsiteX42" fmla="*/ 314731 w 3601561"/>
              <a:gd name="connsiteY42" fmla="*/ 380187 h 2187455"/>
              <a:gd name="connsiteX43" fmla="*/ 314731 w 3601561"/>
              <a:gd name="connsiteY43" fmla="*/ 312217 h 2187455"/>
              <a:gd name="connsiteX44" fmla="*/ 384753 w 3601561"/>
              <a:gd name="connsiteY44" fmla="*/ 312217 h 2187455"/>
              <a:gd name="connsiteX45" fmla="*/ 384753 w 3601561"/>
              <a:gd name="connsiteY45" fmla="*/ 291027 h 2187455"/>
              <a:gd name="connsiteX46" fmla="*/ 314731 w 3601561"/>
              <a:gd name="connsiteY46" fmla="*/ 291027 h 2187455"/>
              <a:gd name="connsiteX47" fmla="*/ 314731 w 3601561"/>
              <a:gd name="connsiteY47" fmla="*/ 223056 h 2187455"/>
              <a:gd name="connsiteX48" fmla="*/ 0 w 3601561"/>
              <a:gd name="connsiteY48" fmla="*/ 0 h 2187455"/>
              <a:gd name="connsiteX49" fmla="*/ 3601561 w 3601561"/>
              <a:gd name="connsiteY49" fmla="*/ 0 h 2187455"/>
              <a:gd name="connsiteX50" fmla="*/ 3601561 w 3601561"/>
              <a:gd name="connsiteY50" fmla="*/ 2187455 h 2187455"/>
              <a:gd name="connsiteX51" fmla="*/ 0 w 3601561"/>
              <a:gd name="connsiteY51" fmla="*/ 2187455 h 2187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01561" h="2187455">
                <a:moveTo>
                  <a:pt x="3287352" y="1810908"/>
                </a:moveTo>
                <a:lnTo>
                  <a:pt x="3287352" y="1878878"/>
                </a:lnTo>
                <a:lnTo>
                  <a:pt x="3217329" y="1878878"/>
                </a:lnTo>
                <a:lnTo>
                  <a:pt x="3217329" y="1900069"/>
                </a:lnTo>
                <a:lnTo>
                  <a:pt x="3287352" y="1900069"/>
                </a:lnTo>
                <a:lnTo>
                  <a:pt x="3287352" y="1968039"/>
                </a:lnTo>
                <a:lnTo>
                  <a:pt x="3308582" y="1968039"/>
                </a:lnTo>
                <a:lnTo>
                  <a:pt x="3308582" y="1900069"/>
                </a:lnTo>
                <a:lnTo>
                  <a:pt x="3378605" y="1900069"/>
                </a:lnTo>
                <a:lnTo>
                  <a:pt x="3378605" y="1878878"/>
                </a:lnTo>
                <a:lnTo>
                  <a:pt x="3308582" y="1878878"/>
                </a:lnTo>
                <a:lnTo>
                  <a:pt x="3308582" y="1810908"/>
                </a:lnTo>
                <a:close/>
                <a:moveTo>
                  <a:pt x="293562" y="1810908"/>
                </a:moveTo>
                <a:lnTo>
                  <a:pt x="293562" y="1878878"/>
                </a:lnTo>
                <a:lnTo>
                  <a:pt x="223539" y="1878878"/>
                </a:lnTo>
                <a:lnTo>
                  <a:pt x="223539" y="1900069"/>
                </a:lnTo>
                <a:lnTo>
                  <a:pt x="293562" y="1900069"/>
                </a:lnTo>
                <a:lnTo>
                  <a:pt x="293562" y="1968039"/>
                </a:lnTo>
                <a:lnTo>
                  <a:pt x="314793" y="1968039"/>
                </a:lnTo>
                <a:lnTo>
                  <a:pt x="314793" y="1900069"/>
                </a:lnTo>
                <a:lnTo>
                  <a:pt x="384816" y="1900069"/>
                </a:lnTo>
                <a:lnTo>
                  <a:pt x="384816" y="1878878"/>
                </a:lnTo>
                <a:lnTo>
                  <a:pt x="314793" y="1878878"/>
                </a:lnTo>
                <a:lnTo>
                  <a:pt x="314793" y="1810908"/>
                </a:lnTo>
                <a:close/>
                <a:moveTo>
                  <a:pt x="3287352" y="223118"/>
                </a:moveTo>
                <a:lnTo>
                  <a:pt x="3287352" y="291089"/>
                </a:lnTo>
                <a:lnTo>
                  <a:pt x="3217329" y="291089"/>
                </a:lnTo>
                <a:lnTo>
                  <a:pt x="3217329" y="312279"/>
                </a:lnTo>
                <a:lnTo>
                  <a:pt x="3287352" y="312279"/>
                </a:lnTo>
                <a:lnTo>
                  <a:pt x="3287352" y="380249"/>
                </a:lnTo>
                <a:lnTo>
                  <a:pt x="3308582" y="380249"/>
                </a:lnTo>
                <a:lnTo>
                  <a:pt x="3308582" y="312279"/>
                </a:lnTo>
                <a:lnTo>
                  <a:pt x="3378605" y="312279"/>
                </a:lnTo>
                <a:lnTo>
                  <a:pt x="3378605" y="291089"/>
                </a:lnTo>
                <a:lnTo>
                  <a:pt x="3308582" y="291089"/>
                </a:lnTo>
                <a:lnTo>
                  <a:pt x="3308582" y="223118"/>
                </a:lnTo>
                <a:close/>
                <a:moveTo>
                  <a:pt x="293500" y="223056"/>
                </a:moveTo>
                <a:lnTo>
                  <a:pt x="293500" y="291027"/>
                </a:lnTo>
                <a:lnTo>
                  <a:pt x="223477" y="291027"/>
                </a:lnTo>
                <a:lnTo>
                  <a:pt x="223477" y="312217"/>
                </a:lnTo>
                <a:lnTo>
                  <a:pt x="293500" y="312217"/>
                </a:lnTo>
                <a:lnTo>
                  <a:pt x="293500" y="380187"/>
                </a:lnTo>
                <a:lnTo>
                  <a:pt x="314731" y="380187"/>
                </a:lnTo>
                <a:lnTo>
                  <a:pt x="314731" y="312217"/>
                </a:lnTo>
                <a:lnTo>
                  <a:pt x="384753" y="312217"/>
                </a:lnTo>
                <a:lnTo>
                  <a:pt x="384753" y="291027"/>
                </a:lnTo>
                <a:lnTo>
                  <a:pt x="314731" y="291027"/>
                </a:lnTo>
                <a:lnTo>
                  <a:pt x="314731" y="223056"/>
                </a:lnTo>
                <a:close/>
                <a:moveTo>
                  <a:pt x="0" y="0"/>
                </a:moveTo>
                <a:lnTo>
                  <a:pt x="3601561" y="0"/>
                </a:lnTo>
                <a:lnTo>
                  <a:pt x="3601561" y="2187455"/>
                </a:lnTo>
                <a:lnTo>
                  <a:pt x="0" y="2187455"/>
                </a:lnTo>
                <a:close/>
              </a:path>
            </a:pathLst>
          </a:custGeom>
          <a:solidFill>
            <a:schemeClr val="bg2"/>
          </a:solidFill>
        </p:spPr>
        <p:txBody>
          <a:bodyPr wrap="square">
            <a:noAutofit/>
          </a:bodyPr>
          <a:lstStyle>
            <a:lvl1pPr marL="0" indent="0" algn="ctr">
              <a:buNone/>
              <a:defRPr sz="1200">
                <a:solidFill>
                  <a:schemeClr val="tx2"/>
                </a:solidFill>
              </a:defRPr>
            </a:lvl1pPr>
          </a:lstStyle>
          <a:p>
            <a:br>
              <a:rPr lang="en-US" dirty="0"/>
            </a:br>
            <a:r>
              <a:rPr lang="en-US" dirty="0"/>
              <a:t>CLICK ICON TO ADD PICTURE</a:t>
            </a:r>
          </a:p>
        </p:txBody>
      </p:sp>
      <p:sp>
        <p:nvSpPr>
          <p:cNvPr id="15" name="Rectangle 14">
            <a:extLst>
              <a:ext uri="{FF2B5EF4-FFF2-40B4-BE49-F238E27FC236}">
                <a16:creationId xmlns:a16="http://schemas.microsoft.com/office/drawing/2014/main" id="{AF53B963-E14F-2C04-A8E3-DEB265A2202E}"/>
              </a:ext>
            </a:extLst>
          </p:cNvPr>
          <p:cNvSpPr/>
          <p:nvPr userDrawn="1"/>
        </p:nvSpPr>
        <p:spPr>
          <a:xfrm>
            <a:off x="8165089" y="1576942"/>
            <a:ext cx="3580841" cy="2183406"/>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p>
        </p:txBody>
      </p:sp>
      <p:sp>
        <p:nvSpPr>
          <p:cNvPr id="16" name="Picture Placeholder 44">
            <a:extLst>
              <a:ext uri="{FF2B5EF4-FFF2-40B4-BE49-F238E27FC236}">
                <a16:creationId xmlns:a16="http://schemas.microsoft.com/office/drawing/2014/main" id="{675744F8-06A3-4252-60C8-9517ADEE4D26}"/>
              </a:ext>
            </a:extLst>
          </p:cNvPr>
          <p:cNvSpPr>
            <a:spLocks noGrp="1"/>
          </p:cNvSpPr>
          <p:nvPr>
            <p:ph type="pic" sz="quarter" idx="28" hasCustomPrompt="1"/>
          </p:nvPr>
        </p:nvSpPr>
        <p:spPr>
          <a:xfrm>
            <a:off x="8128003" y="1557338"/>
            <a:ext cx="3700460" cy="2207059"/>
          </a:xfrm>
          <a:custGeom>
            <a:avLst/>
            <a:gdLst>
              <a:gd name="connsiteX0" fmla="*/ 3287352 w 3601561"/>
              <a:gd name="connsiteY0" fmla="*/ 1810908 h 2187455"/>
              <a:gd name="connsiteX1" fmla="*/ 3287352 w 3601561"/>
              <a:gd name="connsiteY1" fmla="*/ 1878878 h 2187455"/>
              <a:gd name="connsiteX2" fmla="*/ 3217329 w 3601561"/>
              <a:gd name="connsiteY2" fmla="*/ 1878878 h 2187455"/>
              <a:gd name="connsiteX3" fmla="*/ 3217329 w 3601561"/>
              <a:gd name="connsiteY3" fmla="*/ 1900069 h 2187455"/>
              <a:gd name="connsiteX4" fmla="*/ 3287352 w 3601561"/>
              <a:gd name="connsiteY4" fmla="*/ 1900069 h 2187455"/>
              <a:gd name="connsiteX5" fmla="*/ 3287352 w 3601561"/>
              <a:gd name="connsiteY5" fmla="*/ 1968039 h 2187455"/>
              <a:gd name="connsiteX6" fmla="*/ 3308582 w 3601561"/>
              <a:gd name="connsiteY6" fmla="*/ 1968039 h 2187455"/>
              <a:gd name="connsiteX7" fmla="*/ 3308582 w 3601561"/>
              <a:gd name="connsiteY7" fmla="*/ 1900069 h 2187455"/>
              <a:gd name="connsiteX8" fmla="*/ 3378605 w 3601561"/>
              <a:gd name="connsiteY8" fmla="*/ 1900069 h 2187455"/>
              <a:gd name="connsiteX9" fmla="*/ 3378605 w 3601561"/>
              <a:gd name="connsiteY9" fmla="*/ 1878878 h 2187455"/>
              <a:gd name="connsiteX10" fmla="*/ 3308582 w 3601561"/>
              <a:gd name="connsiteY10" fmla="*/ 1878878 h 2187455"/>
              <a:gd name="connsiteX11" fmla="*/ 3308582 w 3601561"/>
              <a:gd name="connsiteY11" fmla="*/ 1810908 h 2187455"/>
              <a:gd name="connsiteX12" fmla="*/ 293562 w 3601561"/>
              <a:gd name="connsiteY12" fmla="*/ 1810908 h 2187455"/>
              <a:gd name="connsiteX13" fmla="*/ 293562 w 3601561"/>
              <a:gd name="connsiteY13" fmla="*/ 1878878 h 2187455"/>
              <a:gd name="connsiteX14" fmla="*/ 223539 w 3601561"/>
              <a:gd name="connsiteY14" fmla="*/ 1878878 h 2187455"/>
              <a:gd name="connsiteX15" fmla="*/ 223539 w 3601561"/>
              <a:gd name="connsiteY15" fmla="*/ 1900069 h 2187455"/>
              <a:gd name="connsiteX16" fmla="*/ 293562 w 3601561"/>
              <a:gd name="connsiteY16" fmla="*/ 1900069 h 2187455"/>
              <a:gd name="connsiteX17" fmla="*/ 293562 w 3601561"/>
              <a:gd name="connsiteY17" fmla="*/ 1968039 h 2187455"/>
              <a:gd name="connsiteX18" fmla="*/ 314793 w 3601561"/>
              <a:gd name="connsiteY18" fmla="*/ 1968039 h 2187455"/>
              <a:gd name="connsiteX19" fmla="*/ 314793 w 3601561"/>
              <a:gd name="connsiteY19" fmla="*/ 1900069 h 2187455"/>
              <a:gd name="connsiteX20" fmla="*/ 384816 w 3601561"/>
              <a:gd name="connsiteY20" fmla="*/ 1900069 h 2187455"/>
              <a:gd name="connsiteX21" fmla="*/ 384816 w 3601561"/>
              <a:gd name="connsiteY21" fmla="*/ 1878878 h 2187455"/>
              <a:gd name="connsiteX22" fmla="*/ 314793 w 3601561"/>
              <a:gd name="connsiteY22" fmla="*/ 1878878 h 2187455"/>
              <a:gd name="connsiteX23" fmla="*/ 314793 w 3601561"/>
              <a:gd name="connsiteY23" fmla="*/ 1810908 h 2187455"/>
              <a:gd name="connsiteX24" fmla="*/ 3287352 w 3601561"/>
              <a:gd name="connsiteY24" fmla="*/ 223118 h 2187455"/>
              <a:gd name="connsiteX25" fmla="*/ 3287352 w 3601561"/>
              <a:gd name="connsiteY25" fmla="*/ 291089 h 2187455"/>
              <a:gd name="connsiteX26" fmla="*/ 3217329 w 3601561"/>
              <a:gd name="connsiteY26" fmla="*/ 291089 h 2187455"/>
              <a:gd name="connsiteX27" fmla="*/ 3217329 w 3601561"/>
              <a:gd name="connsiteY27" fmla="*/ 312279 h 2187455"/>
              <a:gd name="connsiteX28" fmla="*/ 3287352 w 3601561"/>
              <a:gd name="connsiteY28" fmla="*/ 312279 h 2187455"/>
              <a:gd name="connsiteX29" fmla="*/ 3287352 w 3601561"/>
              <a:gd name="connsiteY29" fmla="*/ 380249 h 2187455"/>
              <a:gd name="connsiteX30" fmla="*/ 3308582 w 3601561"/>
              <a:gd name="connsiteY30" fmla="*/ 380249 h 2187455"/>
              <a:gd name="connsiteX31" fmla="*/ 3308582 w 3601561"/>
              <a:gd name="connsiteY31" fmla="*/ 312279 h 2187455"/>
              <a:gd name="connsiteX32" fmla="*/ 3378605 w 3601561"/>
              <a:gd name="connsiteY32" fmla="*/ 312279 h 2187455"/>
              <a:gd name="connsiteX33" fmla="*/ 3378605 w 3601561"/>
              <a:gd name="connsiteY33" fmla="*/ 291089 h 2187455"/>
              <a:gd name="connsiteX34" fmla="*/ 3308582 w 3601561"/>
              <a:gd name="connsiteY34" fmla="*/ 291089 h 2187455"/>
              <a:gd name="connsiteX35" fmla="*/ 3308582 w 3601561"/>
              <a:gd name="connsiteY35" fmla="*/ 223118 h 2187455"/>
              <a:gd name="connsiteX36" fmla="*/ 293500 w 3601561"/>
              <a:gd name="connsiteY36" fmla="*/ 223056 h 2187455"/>
              <a:gd name="connsiteX37" fmla="*/ 293500 w 3601561"/>
              <a:gd name="connsiteY37" fmla="*/ 291027 h 2187455"/>
              <a:gd name="connsiteX38" fmla="*/ 223477 w 3601561"/>
              <a:gd name="connsiteY38" fmla="*/ 291027 h 2187455"/>
              <a:gd name="connsiteX39" fmla="*/ 223477 w 3601561"/>
              <a:gd name="connsiteY39" fmla="*/ 312217 h 2187455"/>
              <a:gd name="connsiteX40" fmla="*/ 293500 w 3601561"/>
              <a:gd name="connsiteY40" fmla="*/ 312217 h 2187455"/>
              <a:gd name="connsiteX41" fmla="*/ 293500 w 3601561"/>
              <a:gd name="connsiteY41" fmla="*/ 380187 h 2187455"/>
              <a:gd name="connsiteX42" fmla="*/ 314731 w 3601561"/>
              <a:gd name="connsiteY42" fmla="*/ 380187 h 2187455"/>
              <a:gd name="connsiteX43" fmla="*/ 314731 w 3601561"/>
              <a:gd name="connsiteY43" fmla="*/ 312217 h 2187455"/>
              <a:gd name="connsiteX44" fmla="*/ 384753 w 3601561"/>
              <a:gd name="connsiteY44" fmla="*/ 312217 h 2187455"/>
              <a:gd name="connsiteX45" fmla="*/ 384753 w 3601561"/>
              <a:gd name="connsiteY45" fmla="*/ 291027 h 2187455"/>
              <a:gd name="connsiteX46" fmla="*/ 314731 w 3601561"/>
              <a:gd name="connsiteY46" fmla="*/ 291027 h 2187455"/>
              <a:gd name="connsiteX47" fmla="*/ 314731 w 3601561"/>
              <a:gd name="connsiteY47" fmla="*/ 223056 h 2187455"/>
              <a:gd name="connsiteX48" fmla="*/ 0 w 3601561"/>
              <a:gd name="connsiteY48" fmla="*/ 0 h 2187455"/>
              <a:gd name="connsiteX49" fmla="*/ 3601561 w 3601561"/>
              <a:gd name="connsiteY49" fmla="*/ 0 h 2187455"/>
              <a:gd name="connsiteX50" fmla="*/ 3601561 w 3601561"/>
              <a:gd name="connsiteY50" fmla="*/ 2187455 h 2187455"/>
              <a:gd name="connsiteX51" fmla="*/ 0 w 3601561"/>
              <a:gd name="connsiteY51" fmla="*/ 2187455 h 2187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01561" h="2187455">
                <a:moveTo>
                  <a:pt x="3287352" y="1810908"/>
                </a:moveTo>
                <a:lnTo>
                  <a:pt x="3287352" y="1878878"/>
                </a:lnTo>
                <a:lnTo>
                  <a:pt x="3217329" y="1878878"/>
                </a:lnTo>
                <a:lnTo>
                  <a:pt x="3217329" y="1900069"/>
                </a:lnTo>
                <a:lnTo>
                  <a:pt x="3287352" y="1900069"/>
                </a:lnTo>
                <a:lnTo>
                  <a:pt x="3287352" y="1968039"/>
                </a:lnTo>
                <a:lnTo>
                  <a:pt x="3308582" y="1968039"/>
                </a:lnTo>
                <a:lnTo>
                  <a:pt x="3308582" y="1900069"/>
                </a:lnTo>
                <a:lnTo>
                  <a:pt x="3378605" y="1900069"/>
                </a:lnTo>
                <a:lnTo>
                  <a:pt x="3378605" y="1878878"/>
                </a:lnTo>
                <a:lnTo>
                  <a:pt x="3308582" y="1878878"/>
                </a:lnTo>
                <a:lnTo>
                  <a:pt x="3308582" y="1810908"/>
                </a:lnTo>
                <a:close/>
                <a:moveTo>
                  <a:pt x="293562" y="1810908"/>
                </a:moveTo>
                <a:lnTo>
                  <a:pt x="293562" y="1878878"/>
                </a:lnTo>
                <a:lnTo>
                  <a:pt x="223539" y="1878878"/>
                </a:lnTo>
                <a:lnTo>
                  <a:pt x="223539" y="1900069"/>
                </a:lnTo>
                <a:lnTo>
                  <a:pt x="293562" y="1900069"/>
                </a:lnTo>
                <a:lnTo>
                  <a:pt x="293562" y="1968039"/>
                </a:lnTo>
                <a:lnTo>
                  <a:pt x="314793" y="1968039"/>
                </a:lnTo>
                <a:lnTo>
                  <a:pt x="314793" y="1900069"/>
                </a:lnTo>
                <a:lnTo>
                  <a:pt x="384816" y="1900069"/>
                </a:lnTo>
                <a:lnTo>
                  <a:pt x="384816" y="1878878"/>
                </a:lnTo>
                <a:lnTo>
                  <a:pt x="314793" y="1878878"/>
                </a:lnTo>
                <a:lnTo>
                  <a:pt x="314793" y="1810908"/>
                </a:lnTo>
                <a:close/>
                <a:moveTo>
                  <a:pt x="3287352" y="223118"/>
                </a:moveTo>
                <a:lnTo>
                  <a:pt x="3287352" y="291089"/>
                </a:lnTo>
                <a:lnTo>
                  <a:pt x="3217329" y="291089"/>
                </a:lnTo>
                <a:lnTo>
                  <a:pt x="3217329" y="312279"/>
                </a:lnTo>
                <a:lnTo>
                  <a:pt x="3287352" y="312279"/>
                </a:lnTo>
                <a:lnTo>
                  <a:pt x="3287352" y="380249"/>
                </a:lnTo>
                <a:lnTo>
                  <a:pt x="3308582" y="380249"/>
                </a:lnTo>
                <a:lnTo>
                  <a:pt x="3308582" y="312279"/>
                </a:lnTo>
                <a:lnTo>
                  <a:pt x="3378605" y="312279"/>
                </a:lnTo>
                <a:lnTo>
                  <a:pt x="3378605" y="291089"/>
                </a:lnTo>
                <a:lnTo>
                  <a:pt x="3308582" y="291089"/>
                </a:lnTo>
                <a:lnTo>
                  <a:pt x="3308582" y="223118"/>
                </a:lnTo>
                <a:close/>
                <a:moveTo>
                  <a:pt x="293500" y="223056"/>
                </a:moveTo>
                <a:lnTo>
                  <a:pt x="293500" y="291027"/>
                </a:lnTo>
                <a:lnTo>
                  <a:pt x="223477" y="291027"/>
                </a:lnTo>
                <a:lnTo>
                  <a:pt x="223477" y="312217"/>
                </a:lnTo>
                <a:lnTo>
                  <a:pt x="293500" y="312217"/>
                </a:lnTo>
                <a:lnTo>
                  <a:pt x="293500" y="380187"/>
                </a:lnTo>
                <a:lnTo>
                  <a:pt x="314731" y="380187"/>
                </a:lnTo>
                <a:lnTo>
                  <a:pt x="314731" y="312217"/>
                </a:lnTo>
                <a:lnTo>
                  <a:pt x="384753" y="312217"/>
                </a:lnTo>
                <a:lnTo>
                  <a:pt x="384753" y="291027"/>
                </a:lnTo>
                <a:lnTo>
                  <a:pt x="314731" y="291027"/>
                </a:lnTo>
                <a:lnTo>
                  <a:pt x="314731" y="223056"/>
                </a:lnTo>
                <a:close/>
                <a:moveTo>
                  <a:pt x="0" y="0"/>
                </a:moveTo>
                <a:lnTo>
                  <a:pt x="3601561" y="0"/>
                </a:lnTo>
                <a:lnTo>
                  <a:pt x="3601561" y="2187455"/>
                </a:lnTo>
                <a:lnTo>
                  <a:pt x="0" y="2187455"/>
                </a:lnTo>
                <a:close/>
              </a:path>
            </a:pathLst>
          </a:custGeom>
          <a:solidFill>
            <a:schemeClr val="bg2"/>
          </a:solidFill>
        </p:spPr>
        <p:txBody>
          <a:bodyPr wrap="square">
            <a:noAutofit/>
          </a:bodyPr>
          <a:lstStyle>
            <a:lvl1pPr marL="0" indent="0" algn="ctr">
              <a:buNone/>
              <a:defRPr sz="1200">
                <a:solidFill>
                  <a:schemeClr val="tx2"/>
                </a:solidFill>
              </a:defRPr>
            </a:lvl1pPr>
          </a:lstStyle>
          <a:p>
            <a:br>
              <a:rPr lang="en-US" dirty="0"/>
            </a:br>
            <a:r>
              <a:rPr lang="en-US" dirty="0"/>
              <a:t>CLICK ICON TO ADD PICTURE</a:t>
            </a:r>
          </a:p>
        </p:txBody>
      </p:sp>
      <p:sp>
        <p:nvSpPr>
          <p:cNvPr id="4" name="Title 3">
            <a:extLst>
              <a:ext uri="{FF2B5EF4-FFF2-40B4-BE49-F238E27FC236}">
                <a16:creationId xmlns:a16="http://schemas.microsoft.com/office/drawing/2014/main" id="{94406F48-B361-8E91-6253-0AF7DAC51161}"/>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
        <p:nvSpPr>
          <p:cNvPr id="2" name="Text Placeholder 10">
            <a:extLst>
              <a:ext uri="{FF2B5EF4-FFF2-40B4-BE49-F238E27FC236}">
                <a16:creationId xmlns:a16="http://schemas.microsoft.com/office/drawing/2014/main" id="{23B14EFF-8DBD-6E12-74B6-CA744D438465}"/>
              </a:ext>
            </a:extLst>
          </p:cNvPr>
          <p:cNvSpPr>
            <a:spLocks noGrp="1"/>
          </p:cNvSpPr>
          <p:nvPr>
            <p:ph type="body" sz="quarter" idx="26"/>
          </p:nvPr>
        </p:nvSpPr>
        <p:spPr>
          <a:xfrm>
            <a:off x="358776" y="3987263"/>
            <a:ext cx="3705224" cy="1955067"/>
          </a:xfrm>
        </p:spPr>
        <p:txBody>
          <a:bodyPr/>
          <a:lstStyle>
            <a:lvl1pPr>
              <a:defRPr sz="1600"/>
            </a:lvl1pPr>
            <a:lvl2pPr>
              <a:defRPr sz="1400"/>
            </a:lvl2pPr>
            <a:lvl3pPr>
              <a:defRPr sz="14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
        <p:nvSpPr>
          <p:cNvPr id="14" name="Text Placeholder 10">
            <a:extLst>
              <a:ext uri="{FF2B5EF4-FFF2-40B4-BE49-F238E27FC236}">
                <a16:creationId xmlns:a16="http://schemas.microsoft.com/office/drawing/2014/main" id="{010884D3-C9AF-942A-B1D5-5619C6F53B59}"/>
              </a:ext>
            </a:extLst>
          </p:cNvPr>
          <p:cNvSpPr>
            <a:spLocks noGrp="1"/>
          </p:cNvSpPr>
          <p:nvPr>
            <p:ph type="body" sz="quarter" idx="29"/>
          </p:nvPr>
        </p:nvSpPr>
        <p:spPr>
          <a:xfrm>
            <a:off x="4251765" y="3988533"/>
            <a:ext cx="3705224" cy="1955067"/>
          </a:xfrm>
        </p:spPr>
        <p:txBody>
          <a:bodyPr/>
          <a:lstStyle>
            <a:lvl1pPr>
              <a:defRPr sz="1600"/>
            </a:lvl1pPr>
            <a:lvl2pPr>
              <a:defRPr sz="1400"/>
            </a:lvl2pPr>
            <a:lvl3pPr>
              <a:defRPr sz="14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
        <p:nvSpPr>
          <p:cNvPr id="17" name="Text Placeholder 10">
            <a:extLst>
              <a:ext uri="{FF2B5EF4-FFF2-40B4-BE49-F238E27FC236}">
                <a16:creationId xmlns:a16="http://schemas.microsoft.com/office/drawing/2014/main" id="{255546C7-B244-DAEA-106A-6910E649DAE3}"/>
              </a:ext>
            </a:extLst>
          </p:cNvPr>
          <p:cNvSpPr>
            <a:spLocks noGrp="1"/>
          </p:cNvSpPr>
          <p:nvPr>
            <p:ph type="body" sz="quarter" idx="30"/>
          </p:nvPr>
        </p:nvSpPr>
        <p:spPr>
          <a:xfrm>
            <a:off x="8135702" y="3988533"/>
            <a:ext cx="3703637" cy="1955067"/>
          </a:xfrm>
        </p:spPr>
        <p:txBody>
          <a:bodyPr/>
          <a:lstStyle>
            <a:lvl1pPr>
              <a:defRPr sz="1600"/>
            </a:lvl1pPr>
            <a:lvl2pPr>
              <a:defRPr sz="1400"/>
            </a:lvl2pPr>
            <a:lvl3pPr>
              <a:defRPr sz="14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Tree>
    <p:extLst>
      <p:ext uri="{BB962C8B-B14F-4D97-AF65-F5344CB8AC3E}">
        <p14:creationId xmlns:p14="http://schemas.microsoft.com/office/powerpoint/2010/main" val="100549244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K. Content">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315E1DD3-1318-5D6C-CB6B-FD66089322D4}"/>
              </a:ext>
            </a:extLst>
          </p:cNvPr>
          <p:cNvSpPr/>
          <p:nvPr userDrawn="1"/>
        </p:nvSpPr>
        <p:spPr>
          <a:xfrm>
            <a:off x="357189" y="1572893"/>
            <a:ext cx="3580841" cy="218340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p>
        </p:txBody>
      </p:sp>
      <p:sp>
        <p:nvSpPr>
          <p:cNvPr id="12" name="Rectangle 11">
            <a:extLst>
              <a:ext uri="{FF2B5EF4-FFF2-40B4-BE49-F238E27FC236}">
                <a16:creationId xmlns:a16="http://schemas.microsoft.com/office/drawing/2014/main" id="{91C275A3-5726-09B4-7FF5-CA02B0CF4BE1}"/>
              </a:ext>
            </a:extLst>
          </p:cNvPr>
          <p:cNvSpPr/>
          <p:nvPr userDrawn="1"/>
        </p:nvSpPr>
        <p:spPr>
          <a:xfrm>
            <a:off x="4252099" y="1572893"/>
            <a:ext cx="3562130" cy="218340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p>
        </p:txBody>
      </p:sp>
      <p:sp>
        <p:nvSpPr>
          <p:cNvPr id="15" name="Rectangle 14">
            <a:extLst>
              <a:ext uri="{FF2B5EF4-FFF2-40B4-BE49-F238E27FC236}">
                <a16:creationId xmlns:a16="http://schemas.microsoft.com/office/drawing/2014/main" id="{AF53B963-E14F-2C04-A8E3-DEB265A2202E}"/>
              </a:ext>
            </a:extLst>
          </p:cNvPr>
          <p:cNvSpPr/>
          <p:nvPr userDrawn="1"/>
        </p:nvSpPr>
        <p:spPr>
          <a:xfrm>
            <a:off x="8165089" y="1572893"/>
            <a:ext cx="3580841" cy="218340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p>
        </p:txBody>
      </p:sp>
      <p:sp>
        <p:nvSpPr>
          <p:cNvPr id="8" name="Picture Placeholder 44">
            <a:extLst>
              <a:ext uri="{FF2B5EF4-FFF2-40B4-BE49-F238E27FC236}">
                <a16:creationId xmlns:a16="http://schemas.microsoft.com/office/drawing/2014/main" id="{B5C1B707-463F-D3C3-6FDA-FBA84A5B0308}"/>
              </a:ext>
            </a:extLst>
          </p:cNvPr>
          <p:cNvSpPr>
            <a:spLocks noGrp="1"/>
          </p:cNvSpPr>
          <p:nvPr>
            <p:ph type="pic" sz="quarter" idx="10" hasCustomPrompt="1"/>
          </p:nvPr>
        </p:nvSpPr>
        <p:spPr>
          <a:xfrm>
            <a:off x="357189" y="1557339"/>
            <a:ext cx="3706811" cy="2203010"/>
          </a:xfrm>
          <a:custGeom>
            <a:avLst/>
            <a:gdLst>
              <a:gd name="connsiteX0" fmla="*/ 3287352 w 3601561"/>
              <a:gd name="connsiteY0" fmla="*/ 1810908 h 2187455"/>
              <a:gd name="connsiteX1" fmla="*/ 3287352 w 3601561"/>
              <a:gd name="connsiteY1" fmla="*/ 1878878 h 2187455"/>
              <a:gd name="connsiteX2" fmla="*/ 3217329 w 3601561"/>
              <a:gd name="connsiteY2" fmla="*/ 1878878 h 2187455"/>
              <a:gd name="connsiteX3" fmla="*/ 3217329 w 3601561"/>
              <a:gd name="connsiteY3" fmla="*/ 1900069 h 2187455"/>
              <a:gd name="connsiteX4" fmla="*/ 3287352 w 3601561"/>
              <a:gd name="connsiteY4" fmla="*/ 1900069 h 2187455"/>
              <a:gd name="connsiteX5" fmla="*/ 3287352 w 3601561"/>
              <a:gd name="connsiteY5" fmla="*/ 1968039 h 2187455"/>
              <a:gd name="connsiteX6" fmla="*/ 3308582 w 3601561"/>
              <a:gd name="connsiteY6" fmla="*/ 1968039 h 2187455"/>
              <a:gd name="connsiteX7" fmla="*/ 3308582 w 3601561"/>
              <a:gd name="connsiteY7" fmla="*/ 1900069 h 2187455"/>
              <a:gd name="connsiteX8" fmla="*/ 3378605 w 3601561"/>
              <a:gd name="connsiteY8" fmla="*/ 1900069 h 2187455"/>
              <a:gd name="connsiteX9" fmla="*/ 3378605 w 3601561"/>
              <a:gd name="connsiteY9" fmla="*/ 1878878 h 2187455"/>
              <a:gd name="connsiteX10" fmla="*/ 3308582 w 3601561"/>
              <a:gd name="connsiteY10" fmla="*/ 1878878 h 2187455"/>
              <a:gd name="connsiteX11" fmla="*/ 3308582 w 3601561"/>
              <a:gd name="connsiteY11" fmla="*/ 1810908 h 2187455"/>
              <a:gd name="connsiteX12" fmla="*/ 293562 w 3601561"/>
              <a:gd name="connsiteY12" fmla="*/ 1810908 h 2187455"/>
              <a:gd name="connsiteX13" fmla="*/ 293562 w 3601561"/>
              <a:gd name="connsiteY13" fmla="*/ 1878878 h 2187455"/>
              <a:gd name="connsiteX14" fmla="*/ 223539 w 3601561"/>
              <a:gd name="connsiteY14" fmla="*/ 1878878 h 2187455"/>
              <a:gd name="connsiteX15" fmla="*/ 223539 w 3601561"/>
              <a:gd name="connsiteY15" fmla="*/ 1900069 h 2187455"/>
              <a:gd name="connsiteX16" fmla="*/ 293562 w 3601561"/>
              <a:gd name="connsiteY16" fmla="*/ 1900069 h 2187455"/>
              <a:gd name="connsiteX17" fmla="*/ 293562 w 3601561"/>
              <a:gd name="connsiteY17" fmla="*/ 1968039 h 2187455"/>
              <a:gd name="connsiteX18" fmla="*/ 314793 w 3601561"/>
              <a:gd name="connsiteY18" fmla="*/ 1968039 h 2187455"/>
              <a:gd name="connsiteX19" fmla="*/ 314793 w 3601561"/>
              <a:gd name="connsiteY19" fmla="*/ 1900069 h 2187455"/>
              <a:gd name="connsiteX20" fmla="*/ 384816 w 3601561"/>
              <a:gd name="connsiteY20" fmla="*/ 1900069 h 2187455"/>
              <a:gd name="connsiteX21" fmla="*/ 384816 w 3601561"/>
              <a:gd name="connsiteY21" fmla="*/ 1878878 h 2187455"/>
              <a:gd name="connsiteX22" fmla="*/ 314793 w 3601561"/>
              <a:gd name="connsiteY22" fmla="*/ 1878878 h 2187455"/>
              <a:gd name="connsiteX23" fmla="*/ 314793 w 3601561"/>
              <a:gd name="connsiteY23" fmla="*/ 1810908 h 2187455"/>
              <a:gd name="connsiteX24" fmla="*/ 3287352 w 3601561"/>
              <a:gd name="connsiteY24" fmla="*/ 223118 h 2187455"/>
              <a:gd name="connsiteX25" fmla="*/ 3287352 w 3601561"/>
              <a:gd name="connsiteY25" fmla="*/ 291089 h 2187455"/>
              <a:gd name="connsiteX26" fmla="*/ 3217329 w 3601561"/>
              <a:gd name="connsiteY26" fmla="*/ 291089 h 2187455"/>
              <a:gd name="connsiteX27" fmla="*/ 3217329 w 3601561"/>
              <a:gd name="connsiteY27" fmla="*/ 312279 h 2187455"/>
              <a:gd name="connsiteX28" fmla="*/ 3287352 w 3601561"/>
              <a:gd name="connsiteY28" fmla="*/ 312279 h 2187455"/>
              <a:gd name="connsiteX29" fmla="*/ 3287352 w 3601561"/>
              <a:gd name="connsiteY29" fmla="*/ 380249 h 2187455"/>
              <a:gd name="connsiteX30" fmla="*/ 3308582 w 3601561"/>
              <a:gd name="connsiteY30" fmla="*/ 380249 h 2187455"/>
              <a:gd name="connsiteX31" fmla="*/ 3308582 w 3601561"/>
              <a:gd name="connsiteY31" fmla="*/ 312279 h 2187455"/>
              <a:gd name="connsiteX32" fmla="*/ 3378605 w 3601561"/>
              <a:gd name="connsiteY32" fmla="*/ 312279 h 2187455"/>
              <a:gd name="connsiteX33" fmla="*/ 3378605 w 3601561"/>
              <a:gd name="connsiteY33" fmla="*/ 291089 h 2187455"/>
              <a:gd name="connsiteX34" fmla="*/ 3308582 w 3601561"/>
              <a:gd name="connsiteY34" fmla="*/ 291089 h 2187455"/>
              <a:gd name="connsiteX35" fmla="*/ 3308582 w 3601561"/>
              <a:gd name="connsiteY35" fmla="*/ 223118 h 2187455"/>
              <a:gd name="connsiteX36" fmla="*/ 293500 w 3601561"/>
              <a:gd name="connsiteY36" fmla="*/ 223056 h 2187455"/>
              <a:gd name="connsiteX37" fmla="*/ 293500 w 3601561"/>
              <a:gd name="connsiteY37" fmla="*/ 291027 h 2187455"/>
              <a:gd name="connsiteX38" fmla="*/ 223477 w 3601561"/>
              <a:gd name="connsiteY38" fmla="*/ 291027 h 2187455"/>
              <a:gd name="connsiteX39" fmla="*/ 223477 w 3601561"/>
              <a:gd name="connsiteY39" fmla="*/ 312217 h 2187455"/>
              <a:gd name="connsiteX40" fmla="*/ 293500 w 3601561"/>
              <a:gd name="connsiteY40" fmla="*/ 312217 h 2187455"/>
              <a:gd name="connsiteX41" fmla="*/ 293500 w 3601561"/>
              <a:gd name="connsiteY41" fmla="*/ 380187 h 2187455"/>
              <a:gd name="connsiteX42" fmla="*/ 314731 w 3601561"/>
              <a:gd name="connsiteY42" fmla="*/ 380187 h 2187455"/>
              <a:gd name="connsiteX43" fmla="*/ 314731 w 3601561"/>
              <a:gd name="connsiteY43" fmla="*/ 312217 h 2187455"/>
              <a:gd name="connsiteX44" fmla="*/ 384753 w 3601561"/>
              <a:gd name="connsiteY44" fmla="*/ 312217 h 2187455"/>
              <a:gd name="connsiteX45" fmla="*/ 384753 w 3601561"/>
              <a:gd name="connsiteY45" fmla="*/ 291027 h 2187455"/>
              <a:gd name="connsiteX46" fmla="*/ 314731 w 3601561"/>
              <a:gd name="connsiteY46" fmla="*/ 291027 h 2187455"/>
              <a:gd name="connsiteX47" fmla="*/ 314731 w 3601561"/>
              <a:gd name="connsiteY47" fmla="*/ 223056 h 2187455"/>
              <a:gd name="connsiteX48" fmla="*/ 0 w 3601561"/>
              <a:gd name="connsiteY48" fmla="*/ 0 h 2187455"/>
              <a:gd name="connsiteX49" fmla="*/ 3601561 w 3601561"/>
              <a:gd name="connsiteY49" fmla="*/ 0 h 2187455"/>
              <a:gd name="connsiteX50" fmla="*/ 3601561 w 3601561"/>
              <a:gd name="connsiteY50" fmla="*/ 2187455 h 2187455"/>
              <a:gd name="connsiteX51" fmla="*/ 0 w 3601561"/>
              <a:gd name="connsiteY51" fmla="*/ 2187455 h 2187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01561" h="2187455">
                <a:moveTo>
                  <a:pt x="3287352" y="1810908"/>
                </a:moveTo>
                <a:lnTo>
                  <a:pt x="3287352" y="1878878"/>
                </a:lnTo>
                <a:lnTo>
                  <a:pt x="3217329" y="1878878"/>
                </a:lnTo>
                <a:lnTo>
                  <a:pt x="3217329" y="1900069"/>
                </a:lnTo>
                <a:lnTo>
                  <a:pt x="3287352" y="1900069"/>
                </a:lnTo>
                <a:lnTo>
                  <a:pt x="3287352" y="1968039"/>
                </a:lnTo>
                <a:lnTo>
                  <a:pt x="3308582" y="1968039"/>
                </a:lnTo>
                <a:lnTo>
                  <a:pt x="3308582" y="1900069"/>
                </a:lnTo>
                <a:lnTo>
                  <a:pt x="3378605" y="1900069"/>
                </a:lnTo>
                <a:lnTo>
                  <a:pt x="3378605" y="1878878"/>
                </a:lnTo>
                <a:lnTo>
                  <a:pt x="3308582" y="1878878"/>
                </a:lnTo>
                <a:lnTo>
                  <a:pt x="3308582" y="1810908"/>
                </a:lnTo>
                <a:close/>
                <a:moveTo>
                  <a:pt x="293562" y="1810908"/>
                </a:moveTo>
                <a:lnTo>
                  <a:pt x="293562" y="1878878"/>
                </a:lnTo>
                <a:lnTo>
                  <a:pt x="223539" y="1878878"/>
                </a:lnTo>
                <a:lnTo>
                  <a:pt x="223539" y="1900069"/>
                </a:lnTo>
                <a:lnTo>
                  <a:pt x="293562" y="1900069"/>
                </a:lnTo>
                <a:lnTo>
                  <a:pt x="293562" y="1968039"/>
                </a:lnTo>
                <a:lnTo>
                  <a:pt x="314793" y="1968039"/>
                </a:lnTo>
                <a:lnTo>
                  <a:pt x="314793" y="1900069"/>
                </a:lnTo>
                <a:lnTo>
                  <a:pt x="384816" y="1900069"/>
                </a:lnTo>
                <a:lnTo>
                  <a:pt x="384816" y="1878878"/>
                </a:lnTo>
                <a:lnTo>
                  <a:pt x="314793" y="1878878"/>
                </a:lnTo>
                <a:lnTo>
                  <a:pt x="314793" y="1810908"/>
                </a:lnTo>
                <a:close/>
                <a:moveTo>
                  <a:pt x="3287352" y="223118"/>
                </a:moveTo>
                <a:lnTo>
                  <a:pt x="3287352" y="291089"/>
                </a:lnTo>
                <a:lnTo>
                  <a:pt x="3217329" y="291089"/>
                </a:lnTo>
                <a:lnTo>
                  <a:pt x="3217329" y="312279"/>
                </a:lnTo>
                <a:lnTo>
                  <a:pt x="3287352" y="312279"/>
                </a:lnTo>
                <a:lnTo>
                  <a:pt x="3287352" y="380249"/>
                </a:lnTo>
                <a:lnTo>
                  <a:pt x="3308582" y="380249"/>
                </a:lnTo>
                <a:lnTo>
                  <a:pt x="3308582" y="312279"/>
                </a:lnTo>
                <a:lnTo>
                  <a:pt x="3378605" y="312279"/>
                </a:lnTo>
                <a:lnTo>
                  <a:pt x="3378605" y="291089"/>
                </a:lnTo>
                <a:lnTo>
                  <a:pt x="3308582" y="291089"/>
                </a:lnTo>
                <a:lnTo>
                  <a:pt x="3308582" y="223118"/>
                </a:lnTo>
                <a:close/>
                <a:moveTo>
                  <a:pt x="293500" y="223056"/>
                </a:moveTo>
                <a:lnTo>
                  <a:pt x="293500" y="291027"/>
                </a:lnTo>
                <a:lnTo>
                  <a:pt x="223477" y="291027"/>
                </a:lnTo>
                <a:lnTo>
                  <a:pt x="223477" y="312217"/>
                </a:lnTo>
                <a:lnTo>
                  <a:pt x="293500" y="312217"/>
                </a:lnTo>
                <a:lnTo>
                  <a:pt x="293500" y="380187"/>
                </a:lnTo>
                <a:lnTo>
                  <a:pt x="314731" y="380187"/>
                </a:lnTo>
                <a:lnTo>
                  <a:pt x="314731" y="312217"/>
                </a:lnTo>
                <a:lnTo>
                  <a:pt x="384753" y="312217"/>
                </a:lnTo>
                <a:lnTo>
                  <a:pt x="384753" y="291027"/>
                </a:lnTo>
                <a:lnTo>
                  <a:pt x="314731" y="291027"/>
                </a:lnTo>
                <a:lnTo>
                  <a:pt x="314731" y="223056"/>
                </a:lnTo>
                <a:close/>
                <a:moveTo>
                  <a:pt x="0" y="0"/>
                </a:moveTo>
                <a:lnTo>
                  <a:pt x="3601561" y="0"/>
                </a:lnTo>
                <a:lnTo>
                  <a:pt x="3601561" y="2187455"/>
                </a:lnTo>
                <a:lnTo>
                  <a:pt x="0" y="2187455"/>
                </a:lnTo>
                <a:close/>
              </a:path>
            </a:pathLst>
          </a:custGeom>
          <a:solidFill>
            <a:schemeClr val="accent4"/>
          </a:solidFill>
        </p:spPr>
        <p:txBody>
          <a:bodyPr wrap="square">
            <a:noAutofit/>
          </a:bodyPr>
          <a:lstStyle>
            <a:lvl1pPr marL="0" indent="0" algn="ctr">
              <a:buNone/>
              <a:defRPr sz="1200">
                <a:solidFill>
                  <a:schemeClr val="bg2"/>
                </a:solidFill>
              </a:defRPr>
            </a:lvl1pPr>
          </a:lstStyle>
          <a:p>
            <a:br>
              <a:rPr lang="en-US" dirty="0"/>
            </a:br>
            <a:r>
              <a:rPr lang="en-US" dirty="0"/>
              <a:t>CLICK ICON TO ADD PICTURE</a:t>
            </a:r>
          </a:p>
        </p:txBody>
      </p:sp>
      <p:sp>
        <p:nvSpPr>
          <p:cNvPr id="13" name="Picture Placeholder 44">
            <a:extLst>
              <a:ext uri="{FF2B5EF4-FFF2-40B4-BE49-F238E27FC236}">
                <a16:creationId xmlns:a16="http://schemas.microsoft.com/office/drawing/2014/main" id="{E1229170-A1C6-34FA-650F-61CF70E730D2}"/>
              </a:ext>
            </a:extLst>
          </p:cNvPr>
          <p:cNvSpPr>
            <a:spLocks noGrp="1"/>
          </p:cNvSpPr>
          <p:nvPr>
            <p:ph type="pic" sz="quarter" idx="27" hasCustomPrompt="1"/>
          </p:nvPr>
        </p:nvSpPr>
        <p:spPr>
          <a:xfrm>
            <a:off x="4243388" y="1557339"/>
            <a:ext cx="3703637" cy="2203010"/>
          </a:xfrm>
          <a:custGeom>
            <a:avLst/>
            <a:gdLst>
              <a:gd name="connsiteX0" fmla="*/ 3287352 w 3601561"/>
              <a:gd name="connsiteY0" fmla="*/ 1810908 h 2187455"/>
              <a:gd name="connsiteX1" fmla="*/ 3287352 w 3601561"/>
              <a:gd name="connsiteY1" fmla="*/ 1878878 h 2187455"/>
              <a:gd name="connsiteX2" fmla="*/ 3217329 w 3601561"/>
              <a:gd name="connsiteY2" fmla="*/ 1878878 h 2187455"/>
              <a:gd name="connsiteX3" fmla="*/ 3217329 w 3601561"/>
              <a:gd name="connsiteY3" fmla="*/ 1900069 h 2187455"/>
              <a:gd name="connsiteX4" fmla="*/ 3287352 w 3601561"/>
              <a:gd name="connsiteY4" fmla="*/ 1900069 h 2187455"/>
              <a:gd name="connsiteX5" fmla="*/ 3287352 w 3601561"/>
              <a:gd name="connsiteY5" fmla="*/ 1968039 h 2187455"/>
              <a:gd name="connsiteX6" fmla="*/ 3308582 w 3601561"/>
              <a:gd name="connsiteY6" fmla="*/ 1968039 h 2187455"/>
              <a:gd name="connsiteX7" fmla="*/ 3308582 w 3601561"/>
              <a:gd name="connsiteY7" fmla="*/ 1900069 h 2187455"/>
              <a:gd name="connsiteX8" fmla="*/ 3378605 w 3601561"/>
              <a:gd name="connsiteY8" fmla="*/ 1900069 h 2187455"/>
              <a:gd name="connsiteX9" fmla="*/ 3378605 w 3601561"/>
              <a:gd name="connsiteY9" fmla="*/ 1878878 h 2187455"/>
              <a:gd name="connsiteX10" fmla="*/ 3308582 w 3601561"/>
              <a:gd name="connsiteY10" fmla="*/ 1878878 h 2187455"/>
              <a:gd name="connsiteX11" fmla="*/ 3308582 w 3601561"/>
              <a:gd name="connsiteY11" fmla="*/ 1810908 h 2187455"/>
              <a:gd name="connsiteX12" fmla="*/ 293562 w 3601561"/>
              <a:gd name="connsiteY12" fmla="*/ 1810908 h 2187455"/>
              <a:gd name="connsiteX13" fmla="*/ 293562 w 3601561"/>
              <a:gd name="connsiteY13" fmla="*/ 1878878 h 2187455"/>
              <a:gd name="connsiteX14" fmla="*/ 223539 w 3601561"/>
              <a:gd name="connsiteY14" fmla="*/ 1878878 h 2187455"/>
              <a:gd name="connsiteX15" fmla="*/ 223539 w 3601561"/>
              <a:gd name="connsiteY15" fmla="*/ 1900069 h 2187455"/>
              <a:gd name="connsiteX16" fmla="*/ 293562 w 3601561"/>
              <a:gd name="connsiteY16" fmla="*/ 1900069 h 2187455"/>
              <a:gd name="connsiteX17" fmla="*/ 293562 w 3601561"/>
              <a:gd name="connsiteY17" fmla="*/ 1968039 h 2187455"/>
              <a:gd name="connsiteX18" fmla="*/ 314793 w 3601561"/>
              <a:gd name="connsiteY18" fmla="*/ 1968039 h 2187455"/>
              <a:gd name="connsiteX19" fmla="*/ 314793 w 3601561"/>
              <a:gd name="connsiteY19" fmla="*/ 1900069 h 2187455"/>
              <a:gd name="connsiteX20" fmla="*/ 384816 w 3601561"/>
              <a:gd name="connsiteY20" fmla="*/ 1900069 h 2187455"/>
              <a:gd name="connsiteX21" fmla="*/ 384816 w 3601561"/>
              <a:gd name="connsiteY21" fmla="*/ 1878878 h 2187455"/>
              <a:gd name="connsiteX22" fmla="*/ 314793 w 3601561"/>
              <a:gd name="connsiteY22" fmla="*/ 1878878 h 2187455"/>
              <a:gd name="connsiteX23" fmla="*/ 314793 w 3601561"/>
              <a:gd name="connsiteY23" fmla="*/ 1810908 h 2187455"/>
              <a:gd name="connsiteX24" fmla="*/ 3287352 w 3601561"/>
              <a:gd name="connsiteY24" fmla="*/ 223118 h 2187455"/>
              <a:gd name="connsiteX25" fmla="*/ 3287352 w 3601561"/>
              <a:gd name="connsiteY25" fmla="*/ 291089 h 2187455"/>
              <a:gd name="connsiteX26" fmla="*/ 3217329 w 3601561"/>
              <a:gd name="connsiteY26" fmla="*/ 291089 h 2187455"/>
              <a:gd name="connsiteX27" fmla="*/ 3217329 w 3601561"/>
              <a:gd name="connsiteY27" fmla="*/ 312279 h 2187455"/>
              <a:gd name="connsiteX28" fmla="*/ 3287352 w 3601561"/>
              <a:gd name="connsiteY28" fmla="*/ 312279 h 2187455"/>
              <a:gd name="connsiteX29" fmla="*/ 3287352 w 3601561"/>
              <a:gd name="connsiteY29" fmla="*/ 380249 h 2187455"/>
              <a:gd name="connsiteX30" fmla="*/ 3308582 w 3601561"/>
              <a:gd name="connsiteY30" fmla="*/ 380249 h 2187455"/>
              <a:gd name="connsiteX31" fmla="*/ 3308582 w 3601561"/>
              <a:gd name="connsiteY31" fmla="*/ 312279 h 2187455"/>
              <a:gd name="connsiteX32" fmla="*/ 3378605 w 3601561"/>
              <a:gd name="connsiteY32" fmla="*/ 312279 h 2187455"/>
              <a:gd name="connsiteX33" fmla="*/ 3378605 w 3601561"/>
              <a:gd name="connsiteY33" fmla="*/ 291089 h 2187455"/>
              <a:gd name="connsiteX34" fmla="*/ 3308582 w 3601561"/>
              <a:gd name="connsiteY34" fmla="*/ 291089 h 2187455"/>
              <a:gd name="connsiteX35" fmla="*/ 3308582 w 3601561"/>
              <a:gd name="connsiteY35" fmla="*/ 223118 h 2187455"/>
              <a:gd name="connsiteX36" fmla="*/ 293500 w 3601561"/>
              <a:gd name="connsiteY36" fmla="*/ 223056 h 2187455"/>
              <a:gd name="connsiteX37" fmla="*/ 293500 w 3601561"/>
              <a:gd name="connsiteY37" fmla="*/ 291027 h 2187455"/>
              <a:gd name="connsiteX38" fmla="*/ 223477 w 3601561"/>
              <a:gd name="connsiteY38" fmla="*/ 291027 h 2187455"/>
              <a:gd name="connsiteX39" fmla="*/ 223477 w 3601561"/>
              <a:gd name="connsiteY39" fmla="*/ 312217 h 2187455"/>
              <a:gd name="connsiteX40" fmla="*/ 293500 w 3601561"/>
              <a:gd name="connsiteY40" fmla="*/ 312217 h 2187455"/>
              <a:gd name="connsiteX41" fmla="*/ 293500 w 3601561"/>
              <a:gd name="connsiteY41" fmla="*/ 380187 h 2187455"/>
              <a:gd name="connsiteX42" fmla="*/ 314731 w 3601561"/>
              <a:gd name="connsiteY42" fmla="*/ 380187 h 2187455"/>
              <a:gd name="connsiteX43" fmla="*/ 314731 w 3601561"/>
              <a:gd name="connsiteY43" fmla="*/ 312217 h 2187455"/>
              <a:gd name="connsiteX44" fmla="*/ 384753 w 3601561"/>
              <a:gd name="connsiteY44" fmla="*/ 312217 h 2187455"/>
              <a:gd name="connsiteX45" fmla="*/ 384753 w 3601561"/>
              <a:gd name="connsiteY45" fmla="*/ 291027 h 2187455"/>
              <a:gd name="connsiteX46" fmla="*/ 314731 w 3601561"/>
              <a:gd name="connsiteY46" fmla="*/ 291027 h 2187455"/>
              <a:gd name="connsiteX47" fmla="*/ 314731 w 3601561"/>
              <a:gd name="connsiteY47" fmla="*/ 223056 h 2187455"/>
              <a:gd name="connsiteX48" fmla="*/ 0 w 3601561"/>
              <a:gd name="connsiteY48" fmla="*/ 0 h 2187455"/>
              <a:gd name="connsiteX49" fmla="*/ 3601561 w 3601561"/>
              <a:gd name="connsiteY49" fmla="*/ 0 h 2187455"/>
              <a:gd name="connsiteX50" fmla="*/ 3601561 w 3601561"/>
              <a:gd name="connsiteY50" fmla="*/ 2187455 h 2187455"/>
              <a:gd name="connsiteX51" fmla="*/ 0 w 3601561"/>
              <a:gd name="connsiteY51" fmla="*/ 2187455 h 2187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01561" h="2187455">
                <a:moveTo>
                  <a:pt x="3287352" y="1810908"/>
                </a:moveTo>
                <a:lnTo>
                  <a:pt x="3287352" y="1878878"/>
                </a:lnTo>
                <a:lnTo>
                  <a:pt x="3217329" y="1878878"/>
                </a:lnTo>
                <a:lnTo>
                  <a:pt x="3217329" y="1900069"/>
                </a:lnTo>
                <a:lnTo>
                  <a:pt x="3287352" y="1900069"/>
                </a:lnTo>
                <a:lnTo>
                  <a:pt x="3287352" y="1968039"/>
                </a:lnTo>
                <a:lnTo>
                  <a:pt x="3308582" y="1968039"/>
                </a:lnTo>
                <a:lnTo>
                  <a:pt x="3308582" y="1900069"/>
                </a:lnTo>
                <a:lnTo>
                  <a:pt x="3378605" y="1900069"/>
                </a:lnTo>
                <a:lnTo>
                  <a:pt x="3378605" y="1878878"/>
                </a:lnTo>
                <a:lnTo>
                  <a:pt x="3308582" y="1878878"/>
                </a:lnTo>
                <a:lnTo>
                  <a:pt x="3308582" y="1810908"/>
                </a:lnTo>
                <a:close/>
                <a:moveTo>
                  <a:pt x="293562" y="1810908"/>
                </a:moveTo>
                <a:lnTo>
                  <a:pt x="293562" y="1878878"/>
                </a:lnTo>
                <a:lnTo>
                  <a:pt x="223539" y="1878878"/>
                </a:lnTo>
                <a:lnTo>
                  <a:pt x="223539" y="1900069"/>
                </a:lnTo>
                <a:lnTo>
                  <a:pt x="293562" y="1900069"/>
                </a:lnTo>
                <a:lnTo>
                  <a:pt x="293562" y="1968039"/>
                </a:lnTo>
                <a:lnTo>
                  <a:pt x="314793" y="1968039"/>
                </a:lnTo>
                <a:lnTo>
                  <a:pt x="314793" y="1900069"/>
                </a:lnTo>
                <a:lnTo>
                  <a:pt x="384816" y="1900069"/>
                </a:lnTo>
                <a:lnTo>
                  <a:pt x="384816" y="1878878"/>
                </a:lnTo>
                <a:lnTo>
                  <a:pt x="314793" y="1878878"/>
                </a:lnTo>
                <a:lnTo>
                  <a:pt x="314793" y="1810908"/>
                </a:lnTo>
                <a:close/>
                <a:moveTo>
                  <a:pt x="3287352" y="223118"/>
                </a:moveTo>
                <a:lnTo>
                  <a:pt x="3287352" y="291089"/>
                </a:lnTo>
                <a:lnTo>
                  <a:pt x="3217329" y="291089"/>
                </a:lnTo>
                <a:lnTo>
                  <a:pt x="3217329" y="312279"/>
                </a:lnTo>
                <a:lnTo>
                  <a:pt x="3287352" y="312279"/>
                </a:lnTo>
                <a:lnTo>
                  <a:pt x="3287352" y="380249"/>
                </a:lnTo>
                <a:lnTo>
                  <a:pt x="3308582" y="380249"/>
                </a:lnTo>
                <a:lnTo>
                  <a:pt x="3308582" y="312279"/>
                </a:lnTo>
                <a:lnTo>
                  <a:pt x="3378605" y="312279"/>
                </a:lnTo>
                <a:lnTo>
                  <a:pt x="3378605" y="291089"/>
                </a:lnTo>
                <a:lnTo>
                  <a:pt x="3308582" y="291089"/>
                </a:lnTo>
                <a:lnTo>
                  <a:pt x="3308582" y="223118"/>
                </a:lnTo>
                <a:close/>
                <a:moveTo>
                  <a:pt x="293500" y="223056"/>
                </a:moveTo>
                <a:lnTo>
                  <a:pt x="293500" y="291027"/>
                </a:lnTo>
                <a:lnTo>
                  <a:pt x="223477" y="291027"/>
                </a:lnTo>
                <a:lnTo>
                  <a:pt x="223477" y="312217"/>
                </a:lnTo>
                <a:lnTo>
                  <a:pt x="293500" y="312217"/>
                </a:lnTo>
                <a:lnTo>
                  <a:pt x="293500" y="380187"/>
                </a:lnTo>
                <a:lnTo>
                  <a:pt x="314731" y="380187"/>
                </a:lnTo>
                <a:lnTo>
                  <a:pt x="314731" y="312217"/>
                </a:lnTo>
                <a:lnTo>
                  <a:pt x="384753" y="312217"/>
                </a:lnTo>
                <a:lnTo>
                  <a:pt x="384753" y="291027"/>
                </a:lnTo>
                <a:lnTo>
                  <a:pt x="314731" y="291027"/>
                </a:lnTo>
                <a:lnTo>
                  <a:pt x="314731" y="223056"/>
                </a:lnTo>
                <a:close/>
                <a:moveTo>
                  <a:pt x="0" y="0"/>
                </a:moveTo>
                <a:lnTo>
                  <a:pt x="3601561" y="0"/>
                </a:lnTo>
                <a:lnTo>
                  <a:pt x="3601561" y="2187455"/>
                </a:lnTo>
                <a:lnTo>
                  <a:pt x="0" y="2187455"/>
                </a:lnTo>
                <a:close/>
              </a:path>
            </a:pathLst>
          </a:custGeom>
          <a:solidFill>
            <a:schemeClr val="accent4"/>
          </a:solidFill>
        </p:spPr>
        <p:txBody>
          <a:bodyPr wrap="square">
            <a:noAutofit/>
          </a:bodyPr>
          <a:lstStyle>
            <a:lvl1pPr marL="0" indent="0" algn="ctr">
              <a:buNone/>
              <a:defRPr sz="1200">
                <a:solidFill>
                  <a:schemeClr val="bg2"/>
                </a:solidFill>
              </a:defRPr>
            </a:lvl1pPr>
          </a:lstStyle>
          <a:p>
            <a:br>
              <a:rPr lang="en-US" dirty="0"/>
            </a:br>
            <a:r>
              <a:rPr lang="en-US" dirty="0"/>
              <a:t>CLICK ICON TO ADD PICTURE</a:t>
            </a:r>
          </a:p>
        </p:txBody>
      </p:sp>
      <p:sp>
        <p:nvSpPr>
          <p:cNvPr id="16" name="Picture Placeholder 44">
            <a:extLst>
              <a:ext uri="{FF2B5EF4-FFF2-40B4-BE49-F238E27FC236}">
                <a16:creationId xmlns:a16="http://schemas.microsoft.com/office/drawing/2014/main" id="{675744F8-06A3-4252-60C8-9517ADEE4D26}"/>
              </a:ext>
            </a:extLst>
          </p:cNvPr>
          <p:cNvSpPr>
            <a:spLocks noGrp="1"/>
          </p:cNvSpPr>
          <p:nvPr>
            <p:ph type="pic" sz="quarter" idx="28" hasCustomPrompt="1"/>
          </p:nvPr>
        </p:nvSpPr>
        <p:spPr>
          <a:xfrm>
            <a:off x="8128001" y="1557339"/>
            <a:ext cx="3700462" cy="2203010"/>
          </a:xfrm>
          <a:custGeom>
            <a:avLst/>
            <a:gdLst>
              <a:gd name="connsiteX0" fmla="*/ 3287352 w 3601561"/>
              <a:gd name="connsiteY0" fmla="*/ 1810908 h 2187455"/>
              <a:gd name="connsiteX1" fmla="*/ 3287352 w 3601561"/>
              <a:gd name="connsiteY1" fmla="*/ 1878878 h 2187455"/>
              <a:gd name="connsiteX2" fmla="*/ 3217329 w 3601561"/>
              <a:gd name="connsiteY2" fmla="*/ 1878878 h 2187455"/>
              <a:gd name="connsiteX3" fmla="*/ 3217329 w 3601561"/>
              <a:gd name="connsiteY3" fmla="*/ 1900069 h 2187455"/>
              <a:gd name="connsiteX4" fmla="*/ 3287352 w 3601561"/>
              <a:gd name="connsiteY4" fmla="*/ 1900069 h 2187455"/>
              <a:gd name="connsiteX5" fmla="*/ 3287352 w 3601561"/>
              <a:gd name="connsiteY5" fmla="*/ 1968039 h 2187455"/>
              <a:gd name="connsiteX6" fmla="*/ 3308582 w 3601561"/>
              <a:gd name="connsiteY6" fmla="*/ 1968039 h 2187455"/>
              <a:gd name="connsiteX7" fmla="*/ 3308582 w 3601561"/>
              <a:gd name="connsiteY7" fmla="*/ 1900069 h 2187455"/>
              <a:gd name="connsiteX8" fmla="*/ 3378605 w 3601561"/>
              <a:gd name="connsiteY8" fmla="*/ 1900069 h 2187455"/>
              <a:gd name="connsiteX9" fmla="*/ 3378605 w 3601561"/>
              <a:gd name="connsiteY9" fmla="*/ 1878878 h 2187455"/>
              <a:gd name="connsiteX10" fmla="*/ 3308582 w 3601561"/>
              <a:gd name="connsiteY10" fmla="*/ 1878878 h 2187455"/>
              <a:gd name="connsiteX11" fmla="*/ 3308582 w 3601561"/>
              <a:gd name="connsiteY11" fmla="*/ 1810908 h 2187455"/>
              <a:gd name="connsiteX12" fmla="*/ 293562 w 3601561"/>
              <a:gd name="connsiteY12" fmla="*/ 1810908 h 2187455"/>
              <a:gd name="connsiteX13" fmla="*/ 293562 w 3601561"/>
              <a:gd name="connsiteY13" fmla="*/ 1878878 h 2187455"/>
              <a:gd name="connsiteX14" fmla="*/ 223539 w 3601561"/>
              <a:gd name="connsiteY14" fmla="*/ 1878878 h 2187455"/>
              <a:gd name="connsiteX15" fmla="*/ 223539 w 3601561"/>
              <a:gd name="connsiteY15" fmla="*/ 1900069 h 2187455"/>
              <a:gd name="connsiteX16" fmla="*/ 293562 w 3601561"/>
              <a:gd name="connsiteY16" fmla="*/ 1900069 h 2187455"/>
              <a:gd name="connsiteX17" fmla="*/ 293562 w 3601561"/>
              <a:gd name="connsiteY17" fmla="*/ 1968039 h 2187455"/>
              <a:gd name="connsiteX18" fmla="*/ 314793 w 3601561"/>
              <a:gd name="connsiteY18" fmla="*/ 1968039 h 2187455"/>
              <a:gd name="connsiteX19" fmla="*/ 314793 w 3601561"/>
              <a:gd name="connsiteY19" fmla="*/ 1900069 h 2187455"/>
              <a:gd name="connsiteX20" fmla="*/ 384816 w 3601561"/>
              <a:gd name="connsiteY20" fmla="*/ 1900069 h 2187455"/>
              <a:gd name="connsiteX21" fmla="*/ 384816 w 3601561"/>
              <a:gd name="connsiteY21" fmla="*/ 1878878 h 2187455"/>
              <a:gd name="connsiteX22" fmla="*/ 314793 w 3601561"/>
              <a:gd name="connsiteY22" fmla="*/ 1878878 h 2187455"/>
              <a:gd name="connsiteX23" fmla="*/ 314793 w 3601561"/>
              <a:gd name="connsiteY23" fmla="*/ 1810908 h 2187455"/>
              <a:gd name="connsiteX24" fmla="*/ 3287352 w 3601561"/>
              <a:gd name="connsiteY24" fmla="*/ 223118 h 2187455"/>
              <a:gd name="connsiteX25" fmla="*/ 3287352 w 3601561"/>
              <a:gd name="connsiteY25" fmla="*/ 291089 h 2187455"/>
              <a:gd name="connsiteX26" fmla="*/ 3217329 w 3601561"/>
              <a:gd name="connsiteY26" fmla="*/ 291089 h 2187455"/>
              <a:gd name="connsiteX27" fmla="*/ 3217329 w 3601561"/>
              <a:gd name="connsiteY27" fmla="*/ 312279 h 2187455"/>
              <a:gd name="connsiteX28" fmla="*/ 3287352 w 3601561"/>
              <a:gd name="connsiteY28" fmla="*/ 312279 h 2187455"/>
              <a:gd name="connsiteX29" fmla="*/ 3287352 w 3601561"/>
              <a:gd name="connsiteY29" fmla="*/ 380249 h 2187455"/>
              <a:gd name="connsiteX30" fmla="*/ 3308582 w 3601561"/>
              <a:gd name="connsiteY30" fmla="*/ 380249 h 2187455"/>
              <a:gd name="connsiteX31" fmla="*/ 3308582 w 3601561"/>
              <a:gd name="connsiteY31" fmla="*/ 312279 h 2187455"/>
              <a:gd name="connsiteX32" fmla="*/ 3378605 w 3601561"/>
              <a:gd name="connsiteY32" fmla="*/ 312279 h 2187455"/>
              <a:gd name="connsiteX33" fmla="*/ 3378605 w 3601561"/>
              <a:gd name="connsiteY33" fmla="*/ 291089 h 2187455"/>
              <a:gd name="connsiteX34" fmla="*/ 3308582 w 3601561"/>
              <a:gd name="connsiteY34" fmla="*/ 291089 h 2187455"/>
              <a:gd name="connsiteX35" fmla="*/ 3308582 w 3601561"/>
              <a:gd name="connsiteY35" fmla="*/ 223118 h 2187455"/>
              <a:gd name="connsiteX36" fmla="*/ 293500 w 3601561"/>
              <a:gd name="connsiteY36" fmla="*/ 223056 h 2187455"/>
              <a:gd name="connsiteX37" fmla="*/ 293500 w 3601561"/>
              <a:gd name="connsiteY37" fmla="*/ 291027 h 2187455"/>
              <a:gd name="connsiteX38" fmla="*/ 223477 w 3601561"/>
              <a:gd name="connsiteY38" fmla="*/ 291027 h 2187455"/>
              <a:gd name="connsiteX39" fmla="*/ 223477 w 3601561"/>
              <a:gd name="connsiteY39" fmla="*/ 312217 h 2187455"/>
              <a:gd name="connsiteX40" fmla="*/ 293500 w 3601561"/>
              <a:gd name="connsiteY40" fmla="*/ 312217 h 2187455"/>
              <a:gd name="connsiteX41" fmla="*/ 293500 w 3601561"/>
              <a:gd name="connsiteY41" fmla="*/ 380187 h 2187455"/>
              <a:gd name="connsiteX42" fmla="*/ 314731 w 3601561"/>
              <a:gd name="connsiteY42" fmla="*/ 380187 h 2187455"/>
              <a:gd name="connsiteX43" fmla="*/ 314731 w 3601561"/>
              <a:gd name="connsiteY43" fmla="*/ 312217 h 2187455"/>
              <a:gd name="connsiteX44" fmla="*/ 384753 w 3601561"/>
              <a:gd name="connsiteY44" fmla="*/ 312217 h 2187455"/>
              <a:gd name="connsiteX45" fmla="*/ 384753 w 3601561"/>
              <a:gd name="connsiteY45" fmla="*/ 291027 h 2187455"/>
              <a:gd name="connsiteX46" fmla="*/ 314731 w 3601561"/>
              <a:gd name="connsiteY46" fmla="*/ 291027 h 2187455"/>
              <a:gd name="connsiteX47" fmla="*/ 314731 w 3601561"/>
              <a:gd name="connsiteY47" fmla="*/ 223056 h 2187455"/>
              <a:gd name="connsiteX48" fmla="*/ 0 w 3601561"/>
              <a:gd name="connsiteY48" fmla="*/ 0 h 2187455"/>
              <a:gd name="connsiteX49" fmla="*/ 3601561 w 3601561"/>
              <a:gd name="connsiteY49" fmla="*/ 0 h 2187455"/>
              <a:gd name="connsiteX50" fmla="*/ 3601561 w 3601561"/>
              <a:gd name="connsiteY50" fmla="*/ 2187455 h 2187455"/>
              <a:gd name="connsiteX51" fmla="*/ 0 w 3601561"/>
              <a:gd name="connsiteY51" fmla="*/ 2187455 h 2187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01561" h="2187455">
                <a:moveTo>
                  <a:pt x="3287352" y="1810908"/>
                </a:moveTo>
                <a:lnTo>
                  <a:pt x="3287352" y="1878878"/>
                </a:lnTo>
                <a:lnTo>
                  <a:pt x="3217329" y="1878878"/>
                </a:lnTo>
                <a:lnTo>
                  <a:pt x="3217329" y="1900069"/>
                </a:lnTo>
                <a:lnTo>
                  <a:pt x="3287352" y="1900069"/>
                </a:lnTo>
                <a:lnTo>
                  <a:pt x="3287352" y="1968039"/>
                </a:lnTo>
                <a:lnTo>
                  <a:pt x="3308582" y="1968039"/>
                </a:lnTo>
                <a:lnTo>
                  <a:pt x="3308582" y="1900069"/>
                </a:lnTo>
                <a:lnTo>
                  <a:pt x="3378605" y="1900069"/>
                </a:lnTo>
                <a:lnTo>
                  <a:pt x="3378605" y="1878878"/>
                </a:lnTo>
                <a:lnTo>
                  <a:pt x="3308582" y="1878878"/>
                </a:lnTo>
                <a:lnTo>
                  <a:pt x="3308582" y="1810908"/>
                </a:lnTo>
                <a:close/>
                <a:moveTo>
                  <a:pt x="293562" y="1810908"/>
                </a:moveTo>
                <a:lnTo>
                  <a:pt x="293562" y="1878878"/>
                </a:lnTo>
                <a:lnTo>
                  <a:pt x="223539" y="1878878"/>
                </a:lnTo>
                <a:lnTo>
                  <a:pt x="223539" y="1900069"/>
                </a:lnTo>
                <a:lnTo>
                  <a:pt x="293562" y="1900069"/>
                </a:lnTo>
                <a:lnTo>
                  <a:pt x="293562" y="1968039"/>
                </a:lnTo>
                <a:lnTo>
                  <a:pt x="314793" y="1968039"/>
                </a:lnTo>
                <a:lnTo>
                  <a:pt x="314793" y="1900069"/>
                </a:lnTo>
                <a:lnTo>
                  <a:pt x="384816" y="1900069"/>
                </a:lnTo>
                <a:lnTo>
                  <a:pt x="384816" y="1878878"/>
                </a:lnTo>
                <a:lnTo>
                  <a:pt x="314793" y="1878878"/>
                </a:lnTo>
                <a:lnTo>
                  <a:pt x="314793" y="1810908"/>
                </a:lnTo>
                <a:close/>
                <a:moveTo>
                  <a:pt x="3287352" y="223118"/>
                </a:moveTo>
                <a:lnTo>
                  <a:pt x="3287352" y="291089"/>
                </a:lnTo>
                <a:lnTo>
                  <a:pt x="3217329" y="291089"/>
                </a:lnTo>
                <a:lnTo>
                  <a:pt x="3217329" y="312279"/>
                </a:lnTo>
                <a:lnTo>
                  <a:pt x="3287352" y="312279"/>
                </a:lnTo>
                <a:lnTo>
                  <a:pt x="3287352" y="380249"/>
                </a:lnTo>
                <a:lnTo>
                  <a:pt x="3308582" y="380249"/>
                </a:lnTo>
                <a:lnTo>
                  <a:pt x="3308582" y="312279"/>
                </a:lnTo>
                <a:lnTo>
                  <a:pt x="3378605" y="312279"/>
                </a:lnTo>
                <a:lnTo>
                  <a:pt x="3378605" y="291089"/>
                </a:lnTo>
                <a:lnTo>
                  <a:pt x="3308582" y="291089"/>
                </a:lnTo>
                <a:lnTo>
                  <a:pt x="3308582" y="223118"/>
                </a:lnTo>
                <a:close/>
                <a:moveTo>
                  <a:pt x="293500" y="223056"/>
                </a:moveTo>
                <a:lnTo>
                  <a:pt x="293500" y="291027"/>
                </a:lnTo>
                <a:lnTo>
                  <a:pt x="223477" y="291027"/>
                </a:lnTo>
                <a:lnTo>
                  <a:pt x="223477" y="312217"/>
                </a:lnTo>
                <a:lnTo>
                  <a:pt x="293500" y="312217"/>
                </a:lnTo>
                <a:lnTo>
                  <a:pt x="293500" y="380187"/>
                </a:lnTo>
                <a:lnTo>
                  <a:pt x="314731" y="380187"/>
                </a:lnTo>
                <a:lnTo>
                  <a:pt x="314731" y="312217"/>
                </a:lnTo>
                <a:lnTo>
                  <a:pt x="384753" y="312217"/>
                </a:lnTo>
                <a:lnTo>
                  <a:pt x="384753" y="291027"/>
                </a:lnTo>
                <a:lnTo>
                  <a:pt x="314731" y="291027"/>
                </a:lnTo>
                <a:lnTo>
                  <a:pt x="314731" y="223056"/>
                </a:lnTo>
                <a:close/>
                <a:moveTo>
                  <a:pt x="0" y="0"/>
                </a:moveTo>
                <a:lnTo>
                  <a:pt x="3601561" y="0"/>
                </a:lnTo>
                <a:lnTo>
                  <a:pt x="3601561" y="2187455"/>
                </a:lnTo>
                <a:lnTo>
                  <a:pt x="0" y="2187455"/>
                </a:lnTo>
                <a:close/>
              </a:path>
            </a:pathLst>
          </a:custGeom>
          <a:solidFill>
            <a:schemeClr val="accent4"/>
          </a:solidFill>
        </p:spPr>
        <p:txBody>
          <a:bodyPr wrap="square">
            <a:noAutofit/>
          </a:bodyPr>
          <a:lstStyle>
            <a:lvl1pPr marL="0" indent="0" algn="ctr">
              <a:buNone/>
              <a:defRPr sz="1200">
                <a:solidFill>
                  <a:schemeClr val="bg2"/>
                </a:solidFill>
              </a:defRPr>
            </a:lvl1pPr>
          </a:lstStyle>
          <a:p>
            <a:br>
              <a:rPr lang="en-US" dirty="0"/>
            </a:br>
            <a:r>
              <a:rPr lang="en-US" dirty="0"/>
              <a:t>CLICK ICON TO ADD PICTURE</a:t>
            </a: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FC8DBB42-42EA-2F46-9150-785CD3375E28}"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04AF1488-577D-0402-235E-CADD6E335676}"/>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
        <p:nvSpPr>
          <p:cNvPr id="7" name="Content Placeholder 2">
            <a:extLst>
              <a:ext uri="{FF2B5EF4-FFF2-40B4-BE49-F238E27FC236}">
                <a16:creationId xmlns:a16="http://schemas.microsoft.com/office/drawing/2014/main" id="{34122A88-91A7-901D-91E5-E9F2653FD837}"/>
              </a:ext>
            </a:extLst>
          </p:cNvPr>
          <p:cNvSpPr>
            <a:spLocks noGrp="1"/>
          </p:cNvSpPr>
          <p:nvPr>
            <p:ph idx="1" hasCustomPrompt="1"/>
          </p:nvPr>
        </p:nvSpPr>
        <p:spPr>
          <a:xfrm>
            <a:off x="367191" y="3999606"/>
            <a:ext cx="3696809" cy="289725"/>
          </a:xfrm>
        </p:spPr>
        <p:txBody>
          <a:bodyPr vert="horz" lIns="0" tIns="0" rIns="0" bIns="0" rtlCol="0">
            <a:noAutofit/>
          </a:bodyPr>
          <a:lstStyle>
            <a:lvl1pPr marL="0" indent="0">
              <a:lnSpc>
                <a:spcPts val="2400"/>
              </a:lnSpc>
              <a:buFontTx/>
              <a:buNone/>
              <a:defRPr lang="en-US" sz="1600" dirty="0">
                <a:solidFill>
                  <a:schemeClr val="tx2"/>
                </a:solidFill>
                <a:latin typeface="Consolas" panose="020B0609020204030204" pitchFamily="49" charset="0"/>
                <a:cs typeface="Consolas" panose="020B0609020204030204" pitchFamily="49" charset="0"/>
              </a:defRPr>
            </a:lvl1pPr>
            <a:lvl2pPr>
              <a:lnSpc>
                <a:spcPts val="2400"/>
              </a:lnSpc>
              <a:defRPr lang="en-US" sz="1600" dirty="0">
                <a:solidFill>
                  <a:schemeClr val="tx1"/>
                </a:solidFill>
              </a:defRPr>
            </a:lvl2pPr>
            <a:lvl3pPr>
              <a:lnSpc>
                <a:spcPts val="2400"/>
              </a:lnSpc>
              <a:defRPr lang="en-US" sz="1600" dirty="0">
                <a:solidFill>
                  <a:schemeClr val="tx1"/>
                </a:solidFill>
              </a:defRPr>
            </a:lvl3pPr>
            <a:lvl4pPr marL="347472" indent="-173736">
              <a:defRPr lang="en-US" dirty="0">
                <a:solidFill>
                  <a:schemeClr val="tx1"/>
                </a:solidFill>
              </a:defRPr>
            </a:lvl4pPr>
            <a:lvl5pPr>
              <a:defRPr lang="en-US" dirty="0">
                <a:solidFill>
                  <a:schemeClr val="tx1"/>
                </a:solidFill>
              </a:defRPr>
            </a:lvl5pPr>
          </a:lstStyle>
          <a:p>
            <a:pPr lvl="0"/>
            <a:r>
              <a:rPr lang="en-US" dirty="0"/>
              <a:t>SUBHEAD</a:t>
            </a:r>
          </a:p>
        </p:txBody>
      </p:sp>
      <p:sp>
        <p:nvSpPr>
          <p:cNvPr id="14" name="Content Placeholder 2">
            <a:extLst>
              <a:ext uri="{FF2B5EF4-FFF2-40B4-BE49-F238E27FC236}">
                <a16:creationId xmlns:a16="http://schemas.microsoft.com/office/drawing/2014/main" id="{14139793-570D-6E62-493B-6D1CB19C8D7A}"/>
              </a:ext>
            </a:extLst>
          </p:cNvPr>
          <p:cNvSpPr>
            <a:spLocks noGrp="1"/>
          </p:cNvSpPr>
          <p:nvPr>
            <p:ph idx="23" hasCustomPrompt="1"/>
          </p:nvPr>
        </p:nvSpPr>
        <p:spPr>
          <a:xfrm>
            <a:off x="4261139" y="3999606"/>
            <a:ext cx="3685886" cy="289725"/>
          </a:xfrm>
        </p:spPr>
        <p:txBody>
          <a:bodyPr vert="horz" lIns="0" tIns="0" rIns="0" bIns="0" rtlCol="0">
            <a:noAutofit/>
          </a:bodyPr>
          <a:lstStyle>
            <a:lvl1pPr marL="0" indent="0">
              <a:lnSpc>
                <a:spcPts val="2400"/>
              </a:lnSpc>
              <a:buFontTx/>
              <a:buNone/>
              <a:defRPr lang="en-US" sz="1600" dirty="0">
                <a:solidFill>
                  <a:schemeClr val="tx2"/>
                </a:solidFill>
                <a:latin typeface="Consolas" panose="020B0609020204030204" pitchFamily="49" charset="0"/>
                <a:cs typeface="Consolas" panose="020B0609020204030204" pitchFamily="49" charset="0"/>
              </a:defRPr>
            </a:lvl1pPr>
            <a:lvl2pPr>
              <a:lnSpc>
                <a:spcPts val="2400"/>
              </a:lnSpc>
              <a:defRPr lang="en-US" sz="1600" dirty="0">
                <a:solidFill>
                  <a:schemeClr val="tx1"/>
                </a:solidFill>
              </a:defRPr>
            </a:lvl2pPr>
            <a:lvl3pPr>
              <a:lnSpc>
                <a:spcPts val="2400"/>
              </a:lnSpc>
              <a:defRPr lang="en-US" sz="1600" dirty="0">
                <a:solidFill>
                  <a:schemeClr val="tx1"/>
                </a:solidFill>
              </a:defRPr>
            </a:lvl3pPr>
            <a:lvl4pPr marL="347472" indent="-173736">
              <a:defRPr lang="en-US" dirty="0">
                <a:solidFill>
                  <a:schemeClr val="tx1"/>
                </a:solidFill>
              </a:defRPr>
            </a:lvl4pPr>
            <a:lvl5pPr>
              <a:defRPr lang="en-US" dirty="0">
                <a:solidFill>
                  <a:schemeClr val="tx1"/>
                </a:solidFill>
              </a:defRPr>
            </a:lvl5pPr>
          </a:lstStyle>
          <a:p>
            <a:pPr lvl="0"/>
            <a:r>
              <a:rPr lang="en-US" dirty="0"/>
              <a:t>SUBHEAD</a:t>
            </a:r>
          </a:p>
        </p:txBody>
      </p:sp>
      <p:sp>
        <p:nvSpPr>
          <p:cNvPr id="18" name="Content Placeholder 2">
            <a:extLst>
              <a:ext uri="{FF2B5EF4-FFF2-40B4-BE49-F238E27FC236}">
                <a16:creationId xmlns:a16="http://schemas.microsoft.com/office/drawing/2014/main" id="{A110ADA0-2485-04F6-A41D-4FD2FD6560D4}"/>
              </a:ext>
            </a:extLst>
          </p:cNvPr>
          <p:cNvSpPr>
            <a:spLocks noGrp="1"/>
          </p:cNvSpPr>
          <p:nvPr>
            <p:ph idx="25" hasCustomPrompt="1"/>
          </p:nvPr>
        </p:nvSpPr>
        <p:spPr>
          <a:xfrm>
            <a:off x="8155088" y="3999606"/>
            <a:ext cx="3673376" cy="289725"/>
          </a:xfrm>
        </p:spPr>
        <p:txBody>
          <a:bodyPr vert="horz" lIns="0" tIns="0" rIns="0" bIns="0" rtlCol="0">
            <a:noAutofit/>
          </a:bodyPr>
          <a:lstStyle>
            <a:lvl1pPr marL="0" indent="0">
              <a:lnSpc>
                <a:spcPts val="2400"/>
              </a:lnSpc>
              <a:buFontTx/>
              <a:buNone/>
              <a:defRPr lang="en-US" sz="1600" dirty="0">
                <a:solidFill>
                  <a:schemeClr val="tx2"/>
                </a:solidFill>
                <a:latin typeface="Consolas" panose="020B0609020204030204" pitchFamily="49" charset="0"/>
                <a:cs typeface="Consolas" panose="020B0609020204030204" pitchFamily="49" charset="0"/>
              </a:defRPr>
            </a:lvl1pPr>
            <a:lvl2pPr>
              <a:lnSpc>
                <a:spcPts val="2400"/>
              </a:lnSpc>
              <a:defRPr lang="en-US" sz="1600" dirty="0">
                <a:solidFill>
                  <a:schemeClr val="tx1"/>
                </a:solidFill>
              </a:defRPr>
            </a:lvl2pPr>
            <a:lvl3pPr>
              <a:lnSpc>
                <a:spcPts val="2400"/>
              </a:lnSpc>
              <a:defRPr lang="en-US" sz="1600" dirty="0">
                <a:solidFill>
                  <a:schemeClr val="tx1"/>
                </a:solidFill>
              </a:defRPr>
            </a:lvl3pPr>
            <a:lvl4pPr marL="347472" indent="-173736">
              <a:defRPr lang="en-US" dirty="0">
                <a:solidFill>
                  <a:schemeClr val="tx1"/>
                </a:solidFill>
              </a:defRPr>
            </a:lvl4pPr>
            <a:lvl5pPr>
              <a:defRPr lang="en-US" dirty="0">
                <a:solidFill>
                  <a:schemeClr val="tx1"/>
                </a:solidFill>
              </a:defRPr>
            </a:lvl5pPr>
          </a:lstStyle>
          <a:p>
            <a:pPr lvl="0"/>
            <a:r>
              <a:rPr lang="en-US" dirty="0"/>
              <a:t>SUBHEAD</a:t>
            </a:r>
          </a:p>
        </p:txBody>
      </p:sp>
      <p:sp>
        <p:nvSpPr>
          <p:cNvPr id="19" name="Text Placeholder 10">
            <a:extLst>
              <a:ext uri="{FF2B5EF4-FFF2-40B4-BE49-F238E27FC236}">
                <a16:creationId xmlns:a16="http://schemas.microsoft.com/office/drawing/2014/main" id="{F12597FF-BF8A-5A89-4CDA-093E76004DDA}"/>
              </a:ext>
            </a:extLst>
          </p:cNvPr>
          <p:cNvSpPr>
            <a:spLocks noGrp="1"/>
          </p:cNvSpPr>
          <p:nvPr>
            <p:ph type="body" sz="quarter" idx="26"/>
          </p:nvPr>
        </p:nvSpPr>
        <p:spPr>
          <a:xfrm>
            <a:off x="358776" y="4505960"/>
            <a:ext cx="3705224" cy="1437640"/>
          </a:xfrm>
        </p:spPr>
        <p:txBody>
          <a:bodyPr/>
          <a:lstStyle>
            <a:lvl1pPr>
              <a:defRPr sz="1600"/>
            </a:lvl1pPr>
            <a:lvl2pPr>
              <a:defRPr sz="1400"/>
            </a:lvl2pPr>
            <a:lvl3pPr>
              <a:defRPr sz="14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
        <p:nvSpPr>
          <p:cNvPr id="20" name="Text Placeholder 10">
            <a:extLst>
              <a:ext uri="{FF2B5EF4-FFF2-40B4-BE49-F238E27FC236}">
                <a16:creationId xmlns:a16="http://schemas.microsoft.com/office/drawing/2014/main" id="{2E1484F2-A4C4-F75E-2632-4BEE51471AA5}"/>
              </a:ext>
            </a:extLst>
          </p:cNvPr>
          <p:cNvSpPr>
            <a:spLocks noGrp="1"/>
          </p:cNvSpPr>
          <p:nvPr>
            <p:ph type="body" sz="quarter" idx="29"/>
          </p:nvPr>
        </p:nvSpPr>
        <p:spPr>
          <a:xfrm>
            <a:off x="4251765" y="4507230"/>
            <a:ext cx="3705224" cy="1437640"/>
          </a:xfrm>
        </p:spPr>
        <p:txBody>
          <a:bodyPr/>
          <a:lstStyle>
            <a:lvl1pPr>
              <a:defRPr sz="1600"/>
            </a:lvl1pPr>
            <a:lvl2pPr>
              <a:defRPr sz="1400"/>
            </a:lvl2pPr>
            <a:lvl3pPr>
              <a:defRPr sz="14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
        <p:nvSpPr>
          <p:cNvPr id="21" name="Text Placeholder 10">
            <a:extLst>
              <a:ext uri="{FF2B5EF4-FFF2-40B4-BE49-F238E27FC236}">
                <a16:creationId xmlns:a16="http://schemas.microsoft.com/office/drawing/2014/main" id="{C2E62225-35F6-B1A6-DA08-991C8EB36A1B}"/>
              </a:ext>
            </a:extLst>
          </p:cNvPr>
          <p:cNvSpPr>
            <a:spLocks noGrp="1"/>
          </p:cNvSpPr>
          <p:nvPr>
            <p:ph type="body" sz="quarter" idx="30"/>
          </p:nvPr>
        </p:nvSpPr>
        <p:spPr>
          <a:xfrm>
            <a:off x="8135702" y="4507230"/>
            <a:ext cx="3703637" cy="1437640"/>
          </a:xfrm>
        </p:spPr>
        <p:txBody>
          <a:bodyPr/>
          <a:lstStyle>
            <a:lvl1pPr>
              <a:defRPr sz="1600"/>
            </a:lvl1pPr>
            <a:lvl2pPr>
              <a:defRPr sz="1400"/>
            </a:lvl2pPr>
            <a:lvl3pPr>
              <a:defRPr sz="14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294364052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L. 3 col_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03531A96-5D59-FE4B-ADBE-AE343B63613B}"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04AF1488-577D-0402-235E-CADD6E335676}"/>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
        <p:nvSpPr>
          <p:cNvPr id="19" name="Text Placeholder 10">
            <a:extLst>
              <a:ext uri="{FF2B5EF4-FFF2-40B4-BE49-F238E27FC236}">
                <a16:creationId xmlns:a16="http://schemas.microsoft.com/office/drawing/2014/main" id="{F12597FF-BF8A-5A89-4CDA-093E76004DDA}"/>
              </a:ext>
            </a:extLst>
          </p:cNvPr>
          <p:cNvSpPr>
            <a:spLocks noGrp="1"/>
          </p:cNvSpPr>
          <p:nvPr>
            <p:ph type="body" sz="quarter" idx="26"/>
          </p:nvPr>
        </p:nvSpPr>
        <p:spPr>
          <a:xfrm>
            <a:off x="358776" y="1556068"/>
            <a:ext cx="3705224" cy="4386262"/>
          </a:xfrm>
        </p:spPr>
        <p:txBody>
          <a:bodyPr lIns="182880" tIns="182880" rIns="182880" bIns="182880"/>
          <a:lstStyle>
            <a:lvl1pPr>
              <a:defRPr sz="1800"/>
            </a:lvl1pPr>
            <a:lvl2pPr>
              <a:defRPr sz="1600"/>
            </a:lvl2pPr>
            <a:lvl3pPr>
              <a:defRPr sz="16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
        <p:nvSpPr>
          <p:cNvPr id="20" name="Text Placeholder 10">
            <a:extLst>
              <a:ext uri="{FF2B5EF4-FFF2-40B4-BE49-F238E27FC236}">
                <a16:creationId xmlns:a16="http://schemas.microsoft.com/office/drawing/2014/main" id="{2E1484F2-A4C4-F75E-2632-4BEE51471AA5}"/>
              </a:ext>
            </a:extLst>
          </p:cNvPr>
          <p:cNvSpPr>
            <a:spLocks noGrp="1"/>
          </p:cNvSpPr>
          <p:nvPr>
            <p:ph type="body" sz="quarter" idx="29"/>
          </p:nvPr>
        </p:nvSpPr>
        <p:spPr>
          <a:xfrm>
            <a:off x="4251765" y="1557338"/>
            <a:ext cx="3705224" cy="4386262"/>
          </a:xfrm>
        </p:spPr>
        <p:txBody>
          <a:bodyPr lIns="182880" tIns="182880" rIns="182880" bIns="182880"/>
          <a:lstStyle>
            <a:lvl1pPr>
              <a:defRPr sz="18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
        <p:nvSpPr>
          <p:cNvPr id="21" name="Text Placeholder 10">
            <a:extLst>
              <a:ext uri="{FF2B5EF4-FFF2-40B4-BE49-F238E27FC236}">
                <a16:creationId xmlns:a16="http://schemas.microsoft.com/office/drawing/2014/main" id="{C2E62225-35F6-B1A6-DA08-991C8EB36A1B}"/>
              </a:ext>
            </a:extLst>
          </p:cNvPr>
          <p:cNvSpPr>
            <a:spLocks noGrp="1"/>
          </p:cNvSpPr>
          <p:nvPr>
            <p:ph type="body" sz="quarter" idx="30"/>
          </p:nvPr>
        </p:nvSpPr>
        <p:spPr>
          <a:xfrm>
            <a:off x="8135702" y="1557338"/>
            <a:ext cx="3703637" cy="4386262"/>
          </a:xfrm>
        </p:spPr>
        <p:txBody>
          <a:bodyPr lIns="182880" tIns="182880" rIns="182880" bIns="182880"/>
          <a:lstStyle>
            <a:lvl1pPr>
              <a:defRPr sz="18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227871907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L. eyebrow_3col_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03531A96-5D59-FE4B-ADBE-AE343B63613B}"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2" name="Title 6">
            <a:extLst>
              <a:ext uri="{FF2B5EF4-FFF2-40B4-BE49-F238E27FC236}">
                <a16:creationId xmlns:a16="http://schemas.microsoft.com/office/drawing/2014/main" id="{E0D40C7F-B7F5-F896-70E2-974EABD2443D}"/>
              </a:ext>
            </a:extLst>
          </p:cNvPr>
          <p:cNvSpPr>
            <a:spLocks noGrp="1"/>
          </p:cNvSpPr>
          <p:nvPr>
            <p:ph type="title"/>
          </p:nvPr>
        </p:nvSpPr>
        <p:spPr>
          <a:xfrm>
            <a:off x="365760" y="493241"/>
            <a:ext cx="7589836" cy="918718"/>
          </a:xfrm>
        </p:spPr>
        <p:txBody>
          <a:bodyPr/>
          <a:lstStyle>
            <a:lvl1pPr>
              <a:defRPr b="1"/>
            </a:lvl1pPr>
          </a:lstStyle>
          <a:p>
            <a:r>
              <a:rPr lang="en-US" dirty="0"/>
              <a:t>Click to edit Master title style</a:t>
            </a:r>
          </a:p>
        </p:txBody>
      </p:sp>
      <p:sp>
        <p:nvSpPr>
          <p:cNvPr id="6" name="Text Placeholder 4">
            <a:extLst>
              <a:ext uri="{FF2B5EF4-FFF2-40B4-BE49-F238E27FC236}">
                <a16:creationId xmlns:a16="http://schemas.microsoft.com/office/drawing/2014/main" id="{D107FA6C-3BB6-EB9A-5F84-6338D5399E46}"/>
              </a:ext>
            </a:extLst>
          </p:cNvPr>
          <p:cNvSpPr>
            <a:spLocks noGrp="1"/>
          </p:cNvSpPr>
          <p:nvPr>
            <p:ph type="body" sz="quarter" idx="17" hasCustomPrompt="1"/>
          </p:nvPr>
        </p:nvSpPr>
        <p:spPr>
          <a:xfrm>
            <a:off x="367219" y="286838"/>
            <a:ext cx="5644961" cy="159159"/>
          </a:xfrm>
        </p:spPr>
        <p:txBody>
          <a:bodyPr/>
          <a:lstStyle>
            <a:lvl1pPr marL="0" indent="0">
              <a:buNone/>
              <a:defRPr sz="1300" cap="all" baseline="0">
                <a:solidFill>
                  <a:schemeClr val="accent3"/>
                </a:solidFill>
                <a:latin typeface="Consolas" panose="020B0609020204030204" pitchFamily="49" charset="0"/>
              </a:defRPr>
            </a:lvl1pPr>
          </a:lstStyle>
          <a:p>
            <a:pPr lvl="0"/>
            <a:r>
              <a:rPr lang="da-DK" dirty="0"/>
              <a:t>Click to add title</a:t>
            </a:r>
          </a:p>
        </p:txBody>
      </p:sp>
      <p:sp>
        <p:nvSpPr>
          <p:cNvPr id="4" name="Text Placeholder 10">
            <a:extLst>
              <a:ext uri="{FF2B5EF4-FFF2-40B4-BE49-F238E27FC236}">
                <a16:creationId xmlns:a16="http://schemas.microsoft.com/office/drawing/2014/main" id="{CC094AA5-2019-C94E-8658-4F2A5858B574}"/>
              </a:ext>
            </a:extLst>
          </p:cNvPr>
          <p:cNvSpPr>
            <a:spLocks noGrp="1"/>
          </p:cNvSpPr>
          <p:nvPr>
            <p:ph type="body" sz="quarter" idx="26"/>
          </p:nvPr>
        </p:nvSpPr>
        <p:spPr>
          <a:xfrm>
            <a:off x="358776" y="1556068"/>
            <a:ext cx="3705224" cy="4386262"/>
          </a:xfrm>
        </p:spPr>
        <p:txBody>
          <a:bodyPr lIns="182880" tIns="182880" rIns="182880" bIns="182880"/>
          <a:lstStyle>
            <a:lvl1pPr>
              <a:defRPr sz="1800"/>
            </a:lvl1pPr>
            <a:lvl2pPr>
              <a:defRPr sz="1600"/>
            </a:lvl2pPr>
            <a:lvl3pPr>
              <a:defRPr sz="16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
        <p:nvSpPr>
          <p:cNvPr id="8" name="Text Placeholder 10">
            <a:extLst>
              <a:ext uri="{FF2B5EF4-FFF2-40B4-BE49-F238E27FC236}">
                <a16:creationId xmlns:a16="http://schemas.microsoft.com/office/drawing/2014/main" id="{FCB80C7D-FA61-815B-58CD-52CCCB513B11}"/>
              </a:ext>
            </a:extLst>
          </p:cNvPr>
          <p:cNvSpPr>
            <a:spLocks noGrp="1"/>
          </p:cNvSpPr>
          <p:nvPr>
            <p:ph type="body" sz="quarter" idx="29"/>
          </p:nvPr>
        </p:nvSpPr>
        <p:spPr>
          <a:xfrm>
            <a:off x="4251765" y="1557338"/>
            <a:ext cx="3705224" cy="4386262"/>
          </a:xfrm>
        </p:spPr>
        <p:txBody>
          <a:bodyPr lIns="182880" tIns="182880" rIns="182880" bIns="182880"/>
          <a:lstStyle>
            <a:lvl1pPr>
              <a:defRPr sz="18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
        <p:nvSpPr>
          <p:cNvPr id="9" name="Text Placeholder 10">
            <a:extLst>
              <a:ext uri="{FF2B5EF4-FFF2-40B4-BE49-F238E27FC236}">
                <a16:creationId xmlns:a16="http://schemas.microsoft.com/office/drawing/2014/main" id="{DA1F244E-9E28-D08D-7F41-17AA90B457FA}"/>
              </a:ext>
            </a:extLst>
          </p:cNvPr>
          <p:cNvSpPr>
            <a:spLocks noGrp="1"/>
          </p:cNvSpPr>
          <p:nvPr>
            <p:ph type="body" sz="quarter" idx="30"/>
          </p:nvPr>
        </p:nvSpPr>
        <p:spPr>
          <a:xfrm>
            <a:off x="8135702" y="1557338"/>
            <a:ext cx="3703637" cy="4386262"/>
          </a:xfrm>
        </p:spPr>
        <p:txBody>
          <a:bodyPr lIns="182880" tIns="182880" rIns="182880" bIns="182880"/>
          <a:lstStyle>
            <a:lvl1pPr>
              <a:defRPr sz="18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2195342789"/>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M. eyebrow_4 col_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17C1BCCE-BD3C-D843-8966-6D5C725FA1A7}"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04AF1488-577D-0402-235E-CADD6E335676}"/>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
        <p:nvSpPr>
          <p:cNvPr id="19" name="Text Placeholder 10">
            <a:extLst>
              <a:ext uri="{FF2B5EF4-FFF2-40B4-BE49-F238E27FC236}">
                <a16:creationId xmlns:a16="http://schemas.microsoft.com/office/drawing/2014/main" id="{F12597FF-BF8A-5A89-4CDA-093E76004DDA}"/>
              </a:ext>
            </a:extLst>
          </p:cNvPr>
          <p:cNvSpPr>
            <a:spLocks noGrp="1"/>
          </p:cNvSpPr>
          <p:nvPr>
            <p:ph type="body" sz="quarter" idx="26"/>
          </p:nvPr>
        </p:nvSpPr>
        <p:spPr>
          <a:xfrm>
            <a:off x="367572" y="1557338"/>
            <a:ext cx="2724877" cy="4384992"/>
          </a:xfrm>
        </p:spPr>
        <p:txBody>
          <a:bodyPr lIns="91440" tIns="182880" rIns="91440" bIns="182880"/>
          <a:lstStyle>
            <a:lvl1pPr>
              <a:defRPr sz="18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
        <p:nvSpPr>
          <p:cNvPr id="20" name="Text Placeholder 10">
            <a:extLst>
              <a:ext uri="{FF2B5EF4-FFF2-40B4-BE49-F238E27FC236}">
                <a16:creationId xmlns:a16="http://schemas.microsoft.com/office/drawing/2014/main" id="{2E1484F2-A4C4-F75E-2632-4BEE51471AA5}"/>
              </a:ext>
            </a:extLst>
          </p:cNvPr>
          <p:cNvSpPr>
            <a:spLocks noGrp="1"/>
          </p:cNvSpPr>
          <p:nvPr>
            <p:ph type="body" sz="quarter" idx="29"/>
          </p:nvPr>
        </p:nvSpPr>
        <p:spPr>
          <a:xfrm>
            <a:off x="3271839" y="1557338"/>
            <a:ext cx="2735262" cy="4386262"/>
          </a:xfrm>
        </p:spPr>
        <p:txBody>
          <a:bodyPr lIns="91440" tIns="182880" rIns="91440" bIns="182880"/>
          <a:lstStyle>
            <a:lvl1pPr>
              <a:defRPr sz="18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
        <p:nvSpPr>
          <p:cNvPr id="6" name="Text Placeholder 10">
            <a:extLst>
              <a:ext uri="{FF2B5EF4-FFF2-40B4-BE49-F238E27FC236}">
                <a16:creationId xmlns:a16="http://schemas.microsoft.com/office/drawing/2014/main" id="{5E9F5A05-6D91-E3D6-A0B4-F7F037D773D2}"/>
              </a:ext>
            </a:extLst>
          </p:cNvPr>
          <p:cNvSpPr>
            <a:spLocks noGrp="1"/>
          </p:cNvSpPr>
          <p:nvPr>
            <p:ph type="body" sz="quarter" idx="30"/>
          </p:nvPr>
        </p:nvSpPr>
        <p:spPr>
          <a:xfrm>
            <a:off x="6180502" y="1557338"/>
            <a:ext cx="2735262" cy="4386262"/>
          </a:xfrm>
        </p:spPr>
        <p:txBody>
          <a:bodyPr lIns="91440" tIns="182880" rIns="91440" bIns="182880"/>
          <a:lstStyle>
            <a:lvl1pPr>
              <a:defRPr sz="18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
        <p:nvSpPr>
          <p:cNvPr id="8" name="Text Placeholder 10">
            <a:extLst>
              <a:ext uri="{FF2B5EF4-FFF2-40B4-BE49-F238E27FC236}">
                <a16:creationId xmlns:a16="http://schemas.microsoft.com/office/drawing/2014/main" id="{D1B66ADC-2A95-DC6D-393E-98087D7273FF}"/>
              </a:ext>
            </a:extLst>
          </p:cNvPr>
          <p:cNvSpPr>
            <a:spLocks noGrp="1"/>
          </p:cNvSpPr>
          <p:nvPr>
            <p:ph type="body" sz="quarter" idx="31"/>
          </p:nvPr>
        </p:nvSpPr>
        <p:spPr>
          <a:xfrm>
            <a:off x="9097963" y="1557338"/>
            <a:ext cx="2726464" cy="4386262"/>
          </a:xfrm>
        </p:spPr>
        <p:txBody>
          <a:bodyPr lIns="91440" tIns="182880" rIns="91440" bIns="182880"/>
          <a:lstStyle>
            <a:lvl1pPr>
              <a:defRPr sz="1800"/>
            </a:lvl1pPr>
            <a:lvl2pPr>
              <a:defRPr sz="1600"/>
            </a:lvl2pPr>
            <a:lvl3pPr>
              <a:defRPr sz="1600"/>
            </a:lvl3pPr>
            <a:lvl4pPr>
              <a:defRPr sz="1600"/>
            </a:lvl4pPr>
            <a:lvl5pPr>
              <a:defRPr sz="1600"/>
            </a:lvl5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26030242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 Cover">
    <p:bg>
      <p:bgPr>
        <a:solidFill>
          <a:schemeClr val="accent3"/>
        </a:solidFill>
        <a:effectLst/>
      </p:bgPr>
    </p:bg>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35A33F16-3418-033A-5169-816488F0CF05}"/>
              </a:ext>
            </a:extLst>
          </p:cNvPr>
          <p:cNvSpPr>
            <a:spLocks noGrp="1"/>
          </p:cNvSpPr>
          <p:nvPr>
            <p:ph type="pic" sz="quarter" idx="20" hasCustomPrompt="1"/>
          </p:nvPr>
        </p:nvSpPr>
        <p:spPr>
          <a:xfrm>
            <a:off x="6186488" y="0"/>
            <a:ext cx="6005512" cy="6858000"/>
          </a:xfrm>
          <a:solidFill>
            <a:schemeClr val="accent4"/>
          </a:solidFill>
        </p:spPr>
        <p:txBody>
          <a:bodyPr anchor="ctr"/>
          <a:lstStyle>
            <a:lvl1pPr marL="0" indent="0" algn="ctr">
              <a:buNone/>
              <a:defRPr sz="1600">
                <a:solidFill>
                  <a:schemeClr val="bg1"/>
                </a:solidFill>
              </a:defRPr>
            </a:lvl1pPr>
          </a:lstStyle>
          <a:p>
            <a:r>
              <a:rPr lang="en-US" dirty="0"/>
              <a:t>CLICK ICON TO ADD PICTURE</a:t>
            </a:r>
          </a:p>
        </p:txBody>
      </p:sp>
      <p:sp>
        <p:nvSpPr>
          <p:cNvPr id="14" name="text" descr="{&quot;templafy&quot;:{&quot;id&quot;:&quot;21dab0f6-09e7-4d8b-96ec-1e4483831f4c&quot;}}" title="Form.Cigna_Confidentiality.Cigna_confidentiality">
            <a:extLst>
              <a:ext uri="{FF2B5EF4-FFF2-40B4-BE49-F238E27FC236}">
                <a16:creationId xmlns:a16="http://schemas.microsoft.com/office/drawing/2014/main" id="{33DE994C-DD83-4221-8AE6-32F741593504}"/>
              </a:ext>
            </a:extLst>
          </p:cNvPr>
          <p:cNvSpPr/>
          <p:nvPr userDrawn="1"/>
        </p:nvSpPr>
        <p:spPr>
          <a:xfrm>
            <a:off x="2303463" y="6581640"/>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pic>
        <p:nvPicPr>
          <p:cNvPr id="3" name="Graphic 2">
            <a:extLst>
              <a:ext uri="{FF2B5EF4-FFF2-40B4-BE49-F238E27FC236}">
                <a16:creationId xmlns:a16="http://schemas.microsoft.com/office/drawing/2014/main" id="{4F04C86A-57B0-66D2-F582-685B8A371A94}"/>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
        <p:nvSpPr>
          <p:cNvPr id="2" name="Date Placeholder 4">
            <a:extLst>
              <a:ext uri="{FF2B5EF4-FFF2-40B4-BE49-F238E27FC236}">
                <a16:creationId xmlns:a16="http://schemas.microsoft.com/office/drawing/2014/main" id="{DFD6ECE1-E07C-4FFE-39BF-12D7C1B82DFC}"/>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D8525886-488D-CC4B-AA59-6C0B0A393B43}" type="datetime1">
              <a:rPr lang="en-US" smtClean="0"/>
              <a:pPr/>
              <a:t>2/5/2024</a:t>
            </a:fld>
            <a:endParaRPr lang="en-US" dirty="0"/>
          </a:p>
        </p:txBody>
      </p:sp>
      <p:sp>
        <p:nvSpPr>
          <p:cNvPr id="5" name="Slide Number Placeholder 12">
            <a:extLst>
              <a:ext uri="{FF2B5EF4-FFF2-40B4-BE49-F238E27FC236}">
                <a16:creationId xmlns:a16="http://schemas.microsoft.com/office/drawing/2014/main" id="{440CCFE3-4759-3C09-62EB-B3E182872A4B}"/>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6" name="Title 1">
            <a:extLst>
              <a:ext uri="{FF2B5EF4-FFF2-40B4-BE49-F238E27FC236}">
                <a16:creationId xmlns:a16="http://schemas.microsoft.com/office/drawing/2014/main" id="{D8464F36-FC03-AB5F-89F1-F3A4F6FFBDDF}"/>
              </a:ext>
            </a:extLst>
          </p:cNvPr>
          <p:cNvSpPr>
            <a:spLocks noGrp="1"/>
          </p:cNvSpPr>
          <p:nvPr>
            <p:ph type="ctrTitle" hasCustomPrompt="1"/>
          </p:nvPr>
        </p:nvSpPr>
        <p:spPr>
          <a:xfrm>
            <a:off x="360000" y="1145149"/>
            <a:ext cx="5645513" cy="1820862"/>
          </a:xfrm>
          <a:noFill/>
        </p:spPr>
        <p:txBody>
          <a:bodyPr anchor="b" anchorCtr="0"/>
          <a:lstStyle>
            <a:lvl1pPr algn="l">
              <a:lnSpc>
                <a:spcPct val="95000"/>
              </a:lnSpc>
              <a:defRPr sz="5000" b="1">
                <a:solidFill>
                  <a:schemeClr val="accent1"/>
                </a:solidFill>
              </a:defRPr>
            </a:lvl1pPr>
          </a:lstStyle>
          <a:p>
            <a:r>
              <a:rPr lang="en-US" dirty="0"/>
              <a:t>Click to add title</a:t>
            </a:r>
          </a:p>
        </p:txBody>
      </p:sp>
      <p:sp>
        <p:nvSpPr>
          <p:cNvPr id="7" name="Text Placeholder 4">
            <a:extLst>
              <a:ext uri="{FF2B5EF4-FFF2-40B4-BE49-F238E27FC236}">
                <a16:creationId xmlns:a16="http://schemas.microsoft.com/office/drawing/2014/main" id="{A736F5F9-76C0-3960-F436-3984182D01D4}"/>
              </a:ext>
            </a:extLst>
          </p:cNvPr>
          <p:cNvSpPr>
            <a:spLocks noGrp="1"/>
          </p:cNvSpPr>
          <p:nvPr>
            <p:ph type="body" sz="quarter" idx="13" hasCustomPrompt="1"/>
          </p:nvPr>
        </p:nvSpPr>
        <p:spPr>
          <a:xfrm>
            <a:off x="357188" y="3069922"/>
            <a:ext cx="5645513" cy="2439264"/>
          </a:xfrm>
        </p:spPr>
        <p:txBody>
          <a:bodyPr/>
          <a:lstStyle>
            <a:lvl1pPr marL="0" indent="0">
              <a:lnSpc>
                <a:spcPct val="95000"/>
              </a:lnSpc>
              <a:buNone/>
              <a:defRPr sz="2200">
                <a:solidFill>
                  <a:schemeClr val="bg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p>
        </p:txBody>
      </p:sp>
      <p:sp>
        <p:nvSpPr>
          <p:cNvPr id="12" name="text" descr="{&quot;templafy&quot;:{&quot;id&quot;:&quot;4dd46786-6585-4b25-b66e-c75e4e81da7d&quot;}}" title="Form.Cigna_Confidentiality.EvernorthConfidentiality">
            <a:extLst>
              <a:ext uri="{FF2B5EF4-FFF2-40B4-BE49-F238E27FC236}">
                <a16:creationId xmlns:a16="http://schemas.microsoft.com/office/drawing/2014/main" id="{C31B540D-4268-B173-A6B1-F95A7C3E3620}"/>
              </a:ext>
            </a:extLst>
          </p:cNvPr>
          <p:cNvSpPr/>
          <p:nvPr userDrawn="1"/>
        </p:nvSpPr>
        <p:spPr>
          <a:xfrm>
            <a:off x="2797995" y="6335818"/>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bg2"/>
                </a:solidFill>
                <a:effectLst/>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Tree>
    <p:extLst>
      <p:ext uri="{BB962C8B-B14F-4D97-AF65-F5344CB8AC3E}">
        <p14:creationId xmlns:p14="http://schemas.microsoft.com/office/powerpoint/2010/main" val="3393913222"/>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N. Content">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4"/>
                </a:solidFill>
                <a:latin typeface="Consolas" panose="020B0609020204030204" pitchFamily="49" charset="0"/>
                <a:cs typeface="Consolas" panose="020B0609020204030204" pitchFamily="49" charset="0"/>
              </a:defRPr>
            </a:lvl1pPr>
          </a:lstStyle>
          <a:p>
            <a:fld id="{F8D8993F-C460-1F46-B86F-CB1D7B637D12}"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4"/>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4" name="Picture Placeholder 7">
            <a:extLst>
              <a:ext uri="{FF2B5EF4-FFF2-40B4-BE49-F238E27FC236}">
                <a16:creationId xmlns:a16="http://schemas.microsoft.com/office/drawing/2014/main" id="{87987AE3-0817-D221-5FE4-FAAB9FBC9CBC}"/>
              </a:ext>
            </a:extLst>
          </p:cNvPr>
          <p:cNvSpPr>
            <a:spLocks noGrp="1"/>
          </p:cNvSpPr>
          <p:nvPr>
            <p:ph type="pic" sz="quarter" idx="18" hasCustomPrompt="1"/>
          </p:nvPr>
        </p:nvSpPr>
        <p:spPr>
          <a:xfrm>
            <a:off x="8128000" y="1554480"/>
            <a:ext cx="3706811" cy="4389120"/>
          </a:xfrm>
          <a:solidFill>
            <a:schemeClr val="accent4"/>
          </a:solidFill>
        </p:spPr>
        <p:txBody>
          <a:bodyPr anchor="ctr"/>
          <a:lstStyle>
            <a:lvl1pPr marL="0" indent="0" algn="ctr">
              <a:buNone/>
              <a:defRPr sz="1200">
                <a:solidFill>
                  <a:schemeClr val="bg2"/>
                </a:solidFill>
                <a:latin typeface="+mn-lt"/>
              </a:defRPr>
            </a:lvl1pPr>
          </a:lstStyle>
          <a:p>
            <a:r>
              <a:rPr lang="en-US" dirty="0"/>
              <a:t>CLICK ICON TO ADD PICTURE</a:t>
            </a:r>
          </a:p>
        </p:txBody>
      </p:sp>
      <p:sp>
        <p:nvSpPr>
          <p:cNvPr id="6" name="Title 5">
            <a:extLst>
              <a:ext uri="{FF2B5EF4-FFF2-40B4-BE49-F238E27FC236}">
                <a16:creationId xmlns:a16="http://schemas.microsoft.com/office/drawing/2014/main" id="{8C4DD675-FD6E-4F39-8337-B6B8480592C3}"/>
              </a:ext>
            </a:extLst>
          </p:cNvPr>
          <p:cNvSpPr>
            <a:spLocks noGrp="1"/>
          </p:cNvSpPr>
          <p:nvPr>
            <p:ph type="title"/>
          </p:nvPr>
        </p:nvSpPr>
        <p:spPr>
          <a:xfrm>
            <a:off x="365760" y="329184"/>
            <a:ext cx="7575094" cy="1047306"/>
          </a:xfrm>
        </p:spPr>
        <p:txBody>
          <a:bodyPr/>
          <a:lstStyle>
            <a:lvl1pPr>
              <a:defRPr b="1"/>
            </a:lvl1pPr>
          </a:lstStyle>
          <a:p>
            <a:r>
              <a:rPr lang="en-US"/>
              <a:t>Click to edit Master title style</a:t>
            </a:r>
            <a:endParaRPr lang="en-US" dirty="0"/>
          </a:p>
        </p:txBody>
      </p:sp>
      <p:sp>
        <p:nvSpPr>
          <p:cNvPr id="8" name="Content Placeholder 7">
            <a:extLst>
              <a:ext uri="{FF2B5EF4-FFF2-40B4-BE49-F238E27FC236}">
                <a16:creationId xmlns:a16="http://schemas.microsoft.com/office/drawing/2014/main" id="{9EE597C3-6A8F-5FCF-7955-201C5BB07F22}"/>
              </a:ext>
            </a:extLst>
          </p:cNvPr>
          <p:cNvSpPr>
            <a:spLocks noGrp="1"/>
          </p:cNvSpPr>
          <p:nvPr>
            <p:ph sz="quarter" idx="19"/>
          </p:nvPr>
        </p:nvSpPr>
        <p:spPr>
          <a:xfrm>
            <a:off x="371475" y="1557338"/>
            <a:ext cx="7575550" cy="4386262"/>
          </a:xfrm>
        </p:spPr>
        <p:txBody>
          <a:body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227113436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A. Image">
    <p:bg>
      <p:bgPr>
        <a:solidFill>
          <a:schemeClr val="accent3"/>
        </a:solidFill>
        <a:effectLst/>
      </p:bgPr>
    </p:bg>
    <p:spTree>
      <p:nvGrpSpPr>
        <p:cNvPr id="1" name=""/>
        <p:cNvGrpSpPr/>
        <p:nvPr/>
      </p:nvGrpSpPr>
      <p:grpSpPr>
        <a:xfrm>
          <a:off x="0" y="0"/>
          <a:ext cx="0" cy="0"/>
          <a:chOff x="0" y="0"/>
          <a:chExt cx="0" cy="0"/>
        </a:xfrm>
      </p:grpSpPr>
      <p:sp>
        <p:nvSpPr>
          <p:cNvPr id="15" name="Picture Placeholder 2">
            <a:extLst>
              <a:ext uri="{FF2B5EF4-FFF2-40B4-BE49-F238E27FC236}">
                <a16:creationId xmlns:a16="http://schemas.microsoft.com/office/drawing/2014/main" id="{AE0945B5-9EFE-53FB-FA95-512DBA494DE9}"/>
              </a:ext>
            </a:extLst>
          </p:cNvPr>
          <p:cNvSpPr>
            <a:spLocks noGrp="1"/>
          </p:cNvSpPr>
          <p:nvPr>
            <p:ph type="pic" sz="quarter" idx="10" hasCustomPrompt="1"/>
          </p:nvPr>
        </p:nvSpPr>
        <p:spPr>
          <a:xfrm>
            <a:off x="0" y="3175"/>
            <a:ext cx="12192000" cy="6858000"/>
          </a:xfrm>
          <a:solidFill>
            <a:schemeClr val="bg2"/>
          </a:solidFill>
        </p:spPr>
        <p:txBody>
          <a:bodyPr anchor="ctr"/>
          <a:lstStyle>
            <a:lvl1pPr marL="0" marR="0" indent="0" algn="ctr" defTabSz="914400" rtl="0" eaLnBrk="1" fontAlgn="auto" latinLnBrk="0" hangingPunct="1">
              <a:lnSpc>
                <a:spcPct val="110000"/>
              </a:lnSpc>
              <a:spcBef>
                <a:spcPts val="900"/>
              </a:spcBef>
              <a:spcAft>
                <a:spcPts val="1200"/>
              </a:spcAft>
              <a:buClrTx/>
              <a:buSzTx/>
              <a:buFont typeface="Arial" panose="020B0604020202020204" pitchFamily="34" charset="0"/>
              <a:buNone/>
              <a:tabLst/>
              <a:defRPr>
                <a:solidFill>
                  <a:schemeClr val="tx2"/>
                </a:solidFill>
                <a:latin typeface="+mj-lt"/>
              </a:defRPr>
            </a:lvl1pPr>
          </a:lstStyle>
          <a:p>
            <a:pPr marL="0" marR="0" lvl="0" indent="0" algn="ctr" defTabSz="914400" rtl="0" eaLnBrk="1" fontAlgn="auto" latinLnBrk="0" hangingPunct="1">
              <a:lnSpc>
                <a:spcPct val="110000"/>
              </a:lnSpc>
              <a:spcBef>
                <a:spcPts val="900"/>
              </a:spcBef>
              <a:spcAft>
                <a:spcPts val="1200"/>
              </a:spcAft>
              <a:buClrTx/>
              <a:buSzTx/>
              <a:buFont typeface="Arial" panose="020B0604020202020204" pitchFamily="34" charset="0"/>
              <a:buNone/>
              <a:tabLst/>
              <a:defRPr/>
            </a:pPr>
            <a:br>
              <a:rPr lang="en-US" dirty="0"/>
            </a:br>
            <a:br>
              <a:rPr lang="en-US" dirty="0"/>
            </a:br>
            <a:br>
              <a:rPr lang="en-US" dirty="0"/>
            </a:br>
            <a:r>
              <a:rPr lang="en-US" dirty="0"/>
              <a:t>CLICK ICON TO ADD PICTURE</a:t>
            </a:r>
          </a:p>
        </p:txBody>
      </p:sp>
      <p:sp>
        <p:nvSpPr>
          <p:cNvPr id="13" name="text" descr="{&quot;templafy&quot;:{&quot;id&quot;:&quot;d69ed179-2cc3-4310-bf32-89f5d1dc6742&quot;}}" title="Form.Cigna_Confidentiality.Cigna_confidentiality">
            <a:extLst>
              <a:ext uri="{FF2B5EF4-FFF2-40B4-BE49-F238E27FC236}">
                <a16:creationId xmlns:a16="http://schemas.microsoft.com/office/drawing/2014/main" id="{A159AC3E-12E3-4B1C-AE15-1DC6DF697E00}"/>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
        <p:nvSpPr>
          <p:cNvPr id="8" name="Date Placeholder 4">
            <a:extLst>
              <a:ext uri="{FF2B5EF4-FFF2-40B4-BE49-F238E27FC236}">
                <a16:creationId xmlns:a16="http://schemas.microsoft.com/office/drawing/2014/main" id="{B31D685C-763A-047F-ECC0-5C1CA9E656CC}"/>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36339770-8B62-C84D-B731-D5AC7388DBBF}" type="datetime1">
              <a:rPr lang="en-US" smtClean="0"/>
              <a:t>2/5/2024</a:t>
            </a:fld>
            <a:endParaRPr lang="en-US" dirty="0"/>
          </a:p>
        </p:txBody>
      </p:sp>
      <p:sp>
        <p:nvSpPr>
          <p:cNvPr id="9" name="Slide Number Placeholder 12">
            <a:extLst>
              <a:ext uri="{FF2B5EF4-FFF2-40B4-BE49-F238E27FC236}">
                <a16:creationId xmlns:a16="http://schemas.microsoft.com/office/drawing/2014/main" id="{FB608548-574E-83CF-6595-6B4AB9B8F20B}"/>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2" name="text" descr="{&quot;templafy&quot;:{&quot;id&quot;:&quot;4dd46786-6585-4b25-b66e-c75e4e81da7d&quot;}}" title="Form.Cigna_Confidentiality.EvernorthConfidentiality">
            <a:extLst>
              <a:ext uri="{FF2B5EF4-FFF2-40B4-BE49-F238E27FC236}">
                <a16:creationId xmlns:a16="http://schemas.microsoft.com/office/drawing/2014/main" id="{B5174ADA-9FF7-314C-195E-33BE53E1E363}"/>
              </a:ext>
            </a:extLst>
          </p:cNvPr>
          <p:cNvSpPr/>
          <p:nvPr userDrawn="1"/>
        </p:nvSpPr>
        <p:spPr>
          <a:xfrm>
            <a:off x="4244867" y="6346898"/>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tx2"/>
                </a:solidFill>
                <a:effectLst/>
                <a:latin typeface="Consolas" panose="020B0609020204030204" pitchFamily="49" charset="0"/>
                <a:ea typeface="Arial" panose="020B0604020202020204" pitchFamily="34" charset="0"/>
                <a:cs typeface="Consolas" panose="020B0609020204030204" pitchFamily="49" charset="0"/>
              </a:rPr>
              <a:t>© 2022 Evernorth. ALL RIGHTS RESERVED. ALL PRODUCTS AND SERVICES ARE PROVIDED BY OR THROUGH OPERATING SUBSIDIARIES OR AFFILIATES OF EVERNORTH.</a:t>
            </a:r>
          </a:p>
        </p:txBody>
      </p:sp>
      <p:pic>
        <p:nvPicPr>
          <p:cNvPr id="3" name="Graphic 2">
            <a:extLst>
              <a:ext uri="{FF2B5EF4-FFF2-40B4-BE49-F238E27FC236}">
                <a16:creationId xmlns:a16="http://schemas.microsoft.com/office/drawing/2014/main" id="{AA246BA6-B221-DDC2-2E39-9EDB7A8714F5}"/>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Tree>
    <p:extLst>
      <p:ext uri="{BB962C8B-B14F-4D97-AF65-F5344CB8AC3E}">
        <p14:creationId xmlns:p14="http://schemas.microsoft.com/office/powerpoint/2010/main" val="656351005"/>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 Image">
    <p:bg>
      <p:bgPr>
        <a:solidFill>
          <a:schemeClr val="accent3"/>
        </a:solidFill>
        <a:effectLst/>
      </p:bgPr>
    </p:bg>
    <p:spTree>
      <p:nvGrpSpPr>
        <p:cNvPr id="1" name=""/>
        <p:cNvGrpSpPr/>
        <p:nvPr/>
      </p:nvGrpSpPr>
      <p:grpSpPr>
        <a:xfrm>
          <a:off x="0" y="0"/>
          <a:ext cx="0" cy="0"/>
          <a:chOff x="0" y="0"/>
          <a:chExt cx="0" cy="0"/>
        </a:xfrm>
      </p:grpSpPr>
      <p:sp>
        <p:nvSpPr>
          <p:cNvPr id="15" name="Picture Placeholder 2">
            <a:extLst>
              <a:ext uri="{FF2B5EF4-FFF2-40B4-BE49-F238E27FC236}">
                <a16:creationId xmlns:a16="http://schemas.microsoft.com/office/drawing/2014/main" id="{AE0945B5-9EFE-53FB-FA95-512DBA494DE9}"/>
              </a:ext>
            </a:extLst>
          </p:cNvPr>
          <p:cNvSpPr>
            <a:spLocks noGrp="1"/>
          </p:cNvSpPr>
          <p:nvPr>
            <p:ph type="pic" sz="quarter" idx="10" hasCustomPrompt="1"/>
          </p:nvPr>
        </p:nvSpPr>
        <p:spPr>
          <a:xfrm>
            <a:off x="0" y="-6350"/>
            <a:ext cx="12192000" cy="6858000"/>
          </a:xfrm>
          <a:solidFill>
            <a:schemeClr val="accent4"/>
          </a:solidFill>
        </p:spPr>
        <p:txBody>
          <a:bodyPr anchor="ctr"/>
          <a:lstStyle>
            <a:lvl1pPr marL="0" marR="0" indent="0" algn="ctr" defTabSz="914400" rtl="0" eaLnBrk="1" fontAlgn="auto" latinLnBrk="0" hangingPunct="1">
              <a:lnSpc>
                <a:spcPct val="110000"/>
              </a:lnSpc>
              <a:spcBef>
                <a:spcPts val="900"/>
              </a:spcBef>
              <a:spcAft>
                <a:spcPts val="1200"/>
              </a:spcAft>
              <a:buClrTx/>
              <a:buSzTx/>
              <a:buFont typeface="Arial" panose="020B0604020202020204" pitchFamily="34" charset="0"/>
              <a:buNone/>
              <a:tabLst/>
              <a:defRPr>
                <a:solidFill>
                  <a:schemeClr val="bg2"/>
                </a:solidFill>
                <a:latin typeface="+mj-lt"/>
              </a:defRPr>
            </a:lvl1pPr>
          </a:lstStyle>
          <a:p>
            <a:pPr marL="0" marR="0" lvl="0" indent="0" algn="ctr" defTabSz="914400" rtl="0" eaLnBrk="1" fontAlgn="auto" latinLnBrk="0" hangingPunct="1">
              <a:lnSpc>
                <a:spcPct val="110000"/>
              </a:lnSpc>
              <a:spcBef>
                <a:spcPts val="900"/>
              </a:spcBef>
              <a:spcAft>
                <a:spcPts val="1200"/>
              </a:spcAft>
              <a:buClrTx/>
              <a:buSzTx/>
              <a:buFont typeface="Arial" panose="020B0604020202020204" pitchFamily="34" charset="0"/>
              <a:buNone/>
              <a:tabLst/>
              <a:defRPr/>
            </a:pPr>
            <a:br>
              <a:rPr lang="en-US" dirty="0"/>
            </a:br>
            <a:br>
              <a:rPr lang="en-US" dirty="0"/>
            </a:br>
            <a:br>
              <a:rPr lang="en-US" dirty="0"/>
            </a:br>
            <a:r>
              <a:rPr lang="en-US" dirty="0"/>
              <a:t>CLICK ICON TO ADD PICTURE</a:t>
            </a:r>
          </a:p>
        </p:txBody>
      </p:sp>
      <p:sp>
        <p:nvSpPr>
          <p:cNvPr id="13" name="text" descr="{&quot;templafy&quot;:{&quot;id&quot;:&quot;d69ed179-2cc3-4310-bf32-89f5d1dc6742&quot;}}" title="Form.Cigna_Confidentiality.Cigna_confidentiality">
            <a:extLst>
              <a:ext uri="{FF2B5EF4-FFF2-40B4-BE49-F238E27FC236}">
                <a16:creationId xmlns:a16="http://schemas.microsoft.com/office/drawing/2014/main" id="{A159AC3E-12E3-4B1C-AE15-1DC6DF697E00}"/>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
        <p:nvSpPr>
          <p:cNvPr id="3" name="text" descr="{&quot;templafy&quot;:{&quot;id&quot;:&quot;4dd46786-6585-4b25-b66e-c75e4e81da7d&quot;}}" title="Form.Cigna_Confidentiality.EvernorthConfidentiality">
            <a:extLst>
              <a:ext uri="{FF2B5EF4-FFF2-40B4-BE49-F238E27FC236}">
                <a16:creationId xmlns:a16="http://schemas.microsoft.com/office/drawing/2014/main" id="{75A256E7-4903-6F4B-01DF-A44A6CEE6A88}"/>
              </a:ext>
            </a:extLst>
          </p:cNvPr>
          <p:cNvSpPr/>
          <p:nvPr userDrawn="1"/>
        </p:nvSpPr>
        <p:spPr>
          <a:xfrm>
            <a:off x="4244867" y="6346898"/>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bg2"/>
                </a:solidFill>
                <a:effectLst/>
                <a:latin typeface="Consolas" panose="020B0609020204030204" pitchFamily="49" charset="0"/>
                <a:ea typeface="Arial" panose="020B0604020202020204" pitchFamily="34" charset="0"/>
                <a:cs typeface="Consolas" panose="020B0609020204030204" pitchFamily="49" charset="0"/>
              </a:rPr>
              <a:t>© 2022 Evernorth. ALL RIGHTS RESERVED. ALL PRODUCTS AND SERVICES ARE PROVIDED BY OR THROUGH OPERATING SUBSIDIARIES OR AFFILIATES OF EVERNORTH.</a:t>
            </a:r>
          </a:p>
        </p:txBody>
      </p:sp>
      <p:sp>
        <p:nvSpPr>
          <p:cNvPr id="8" name="Date Placeholder 4">
            <a:extLst>
              <a:ext uri="{FF2B5EF4-FFF2-40B4-BE49-F238E27FC236}">
                <a16:creationId xmlns:a16="http://schemas.microsoft.com/office/drawing/2014/main" id="{B31D685C-763A-047F-ECC0-5C1CA9E656CC}"/>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E6E2D14-077A-AC4C-8EDE-A638BFD8A8FB}" type="datetime1">
              <a:rPr lang="en-US" smtClean="0"/>
              <a:t>2/5/2024</a:t>
            </a:fld>
            <a:endParaRPr lang="en-US" dirty="0"/>
          </a:p>
        </p:txBody>
      </p:sp>
      <p:sp>
        <p:nvSpPr>
          <p:cNvPr id="9" name="Slide Number Placeholder 12">
            <a:extLst>
              <a:ext uri="{FF2B5EF4-FFF2-40B4-BE49-F238E27FC236}">
                <a16:creationId xmlns:a16="http://schemas.microsoft.com/office/drawing/2014/main" id="{FB608548-574E-83CF-6595-6B4AB9B8F20B}"/>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pic>
        <p:nvPicPr>
          <p:cNvPr id="4" name="Graphic 3">
            <a:extLst>
              <a:ext uri="{FF2B5EF4-FFF2-40B4-BE49-F238E27FC236}">
                <a16:creationId xmlns:a16="http://schemas.microsoft.com/office/drawing/2014/main" id="{A620C17C-4401-4E37-5B84-0FC239A6C0EE}"/>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Tree>
    <p:extLst>
      <p:ext uri="{BB962C8B-B14F-4D97-AF65-F5344CB8AC3E}">
        <p14:creationId xmlns:p14="http://schemas.microsoft.com/office/powerpoint/2010/main" val="160068408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 Image">
    <p:spTree>
      <p:nvGrpSpPr>
        <p:cNvPr id="1" name=""/>
        <p:cNvGrpSpPr/>
        <p:nvPr/>
      </p:nvGrpSpPr>
      <p:grpSpPr>
        <a:xfrm>
          <a:off x="0" y="0"/>
          <a:ext cx="0" cy="0"/>
          <a:chOff x="0" y="0"/>
          <a:chExt cx="0" cy="0"/>
        </a:xfrm>
      </p:grpSpPr>
      <p:sp>
        <p:nvSpPr>
          <p:cNvPr id="3" name="Picture Placeholder 7">
            <a:extLst>
              <a:ext uri="{FF2B5EF4-FFF2-40B4-BE49-F238E27FC236}">
                <a16:creationId xmlns:a16="http://schemas.microsoft.com/office/drawing/2014/main" id="{4999452B-6AF5-C6E9-4978-A3656683FE7E}"/>
              </a:ext>
            </a:extLst>
          </p:cNvPr>
          <p:cNvSpPr>
            <a:spLocks noGrp="1"/>
          </p:cNvSpPr>
          <p:nvPr>
            <p:ph type="pic" sz="quarter" idx="11" hasCustomPrompt="1"/>
          </p:nvPr>
        </p:nvSpPr>
        <p:spPr>
          <a:xfrm>
            <a:off x="357189" y="1373860"/>
            <a:ext cx="11467622" cy="4569740"/>
          </a:xfrm>
          <a:solidFill>
            <a:schemeClr val="accent4"/>
          </a:solidFill>
        </p:spPr>
        <p:txBody>
          <a:bodyPr anchor="ctr"/>
          <a:lstStyle>
            <a:lvl1pPr marL="0" indent="0" algn="ctr">
              <a:buNone/>
              <a:defRPr sz="1600">
                <a:solidFill>
                  <a:schemeClr val="bg2"/>
                </a:solidFill>
                <a:latin typeface="+mn-lt"/>
              </a:defRPr>
            </a:lvl1pPr>
          </a:lstStyle>
          <a:p>
            <a:br>
              <a:rPr lang="en-US" dirty="0"/>
            </a:br>
            <a:br>
              <a:rPr lang="en-US" dirty="0"/>
            </a:br>
            <a:br>
              <a:rPr lang="en-US" dirty="0"/>
            </a:br>
            <a:r>
              <a:rPr lang="en-US" dirty="0"/>
              <a:t>CLICK ICON TO ADD PICTURE</a:t>
            </a:r>
          </a:p>
        </p:txBody>
      </p:sp>
      <p:sp>
        <p:nvSpPr>
          <p:cNvPr id="2" name="Date Placeholder 4">
            <a:extLst>
              <a:ext uri="{FF2B5EF4-FFF2-40B4-BE49-F238E27FC236}">
                <a16:creationId xmlns:a16="http://schemas.microsoft.com/office/drawing/2014/main" id="{907DBA04-53F9-1267-7EB1-8A87EAB402EE}"/>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B8E5CAC1-2ABD-2348-ACB8-BD7CAC5B8493}" type="datetime1">
              <a:rPr lang="en-US" smtClean="0"/>
              <a:t>2/5/2024</a:t>
            </a:fld>
            <a:endParaRPr lang="en-US" dirty="0"/>
          </a:p>
        </p:txBody>
      </p:sp>
      <p:sp>
        <p:nvSpPr>
          <p:cNvPr id="8" name="Slide Number Placeholder 12">
            <a:extLst>
              <a:ext uri="{FF2B5EF4-FFF2-40B4-BE49-F238E27FC236}">
                <a16:creationId xmlns:a16="http://schemas.microsoft.com/office/drawing/2014/main" id="{2A56F7D3-635E-E1E5-8180-C3F26E84F3CE}"/>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6" name="Title 3">
            <a:extLst>
              <a:ext uri="{FF2B5EF4-FFF2-40B4-BE49-F238E27FC236}">
                <a16:creationId xmlns:a16="http://schemas.microsoft.com/office/drawing/2014/main" id="{EAC8A17F-5B89-6C02-A2BC-83BE02D8DAE4}"/>
              </a:ext>
            </a:extLst>
          </p:cNvPr>
          <p:cNvSpPr>
            <a:spLocks noGrp="1"/>
          </p:cNvSpPr>
          <p:nvPr>
            <p:ph type="title"/>
          </p:nvPr>
        </p:nvSpPr>
        <p:spPr>
          <a:xfrm>
            <a:off x="365760" y="326553"/>
            <a:ext cx="7589836" cy="879947"/>
          </a:xfrm>
        </p:spPr>
        <p:txBody>
          <a:bodyPr/>
          <a:lstStyle>
            <a:lvl1pPr>
              <a:defRPr b="1"/>
            </a:lvl1pPr>
          </a:lstStyle>
          <a:p>
            <a:r>
              <a:rPr lang="en-US" dirty="0"/>
              <a:t>Click to edit Master title style</a:t>
            </a:r>
          </a:p>
        </p:txBody>
      </p:sp>
    </p:spTree>
    <p:extLst>
      <p:ext uri="{BB962C8B-B14F-4D97-AF65-F5344CB8AC3E}">
        <p14:creationId xmlns:p14="http://schemas.microsoft.com/office/powerpoint/2010/main" val="43624442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D. Image">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1CA2C22F-9DC9-1F4F-A734-46780590C098}"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7" name="Picture Placeholder 7">
            <a:extLst>
              <a:ext uri="{FF2B5EF4-FFF2-40B4-BE49-F238E27FC236}">
                <a16:creationId xmlns:a16="http://schemas.microsoft.com/office/drawing/2014/main" id="{37492988-1039-5D9F-CBDB-E0E150D84432}"/>
              </a:ext>
            </a:extLst>
          </p:cNvPr>
          <p:cNvSpPr>
            <a:spLocks noGrp="1"/>
          </p:cNvSpPr>
          <p:nvPr>
            <p:ph type="pic" sz="quarter" idx="11" hasCustomPrompt="1"/>
          </p:nvPr>
        </p:nvSpPr>
        <p:spPr>
          <a:xfrm>
            <a:off x="357188" y="1373860"/>
            <a:ext cx="3706811" cy="4579818"/>
          </a:xfrm>
          <a:solidFill>
            <a:schemeClr val="accent4"/>
          </a:solidFill>
        </p:spPr>
        <p:txBody>
          <a:bodyPr anchor="ctr"/>
          <a:lstStyle>
            <a:lvl1pPr marL="0" indent="0" algn="ctr">
              <a:buNone/>
              <a:defRPr sz="1200">
                <a:solidFill>
                  <a:schemeClr val="bg2"/>
                </a:solidFill>
                <a:latin typeface="+mn-lt"/>
              </a:defRPr>
            </a:lvl1pPr>
          </a:lstStyle>
          <a:p>
            <a:br>
              <a:rPr lang="en-US" dirty="0"/>
            </a:br>
            <a:br>
              <a:rPr lang="en-US" dirty="0"/>
            </a:br>
            <a:br>
              <a:rPr lang="en-US" dirty="0"/>
            </a:br>
            <a:r>
              <a:rPr lang="en-US" dirty="0"/>
              <a:t>CLICK ICON TO ADD PICTURE</a:t>
            </a:r>
          </a:p>
        </p:txBody>
      </p:sp>
      <p:sp>
        <p:nvSpPr>
          <p:cNvPr id="10" name="Picture Placeholder 7">
            <a:extLst>
              <a:ext uri="{FF2B5EF4-FFF2-40B4-BE49-F238E27FC236}">
                <a16:creationId xmlns:a16="http://schemas.microsoft.com/office/drawing/2014/main" id="{12449C63-84C0-5108-8011-9B5CB28756A6}"/>
              </a:ext>
            </a:extLst>
          </p:cNvPr>
          <p:cNvSpPr>
            <a:spLocks noGrp="1"/>
          </p:cNvSpPr>
          <p:nvPr>
            <p:ph type="pic" sz="quarter" idx="18" hasCustomPrompt="1"/>
          </p:nvPr>
        </p:nvSpPr>
        <p:spPr>
          <a:xfrm>
            <a:off x="8128000" y="1373860"/>
            <a:ext cx="3706811" cy="4579818"/>
          </a:xfrm>
          <a:solidFill>
            <a:schemeClr val="accent4"/>
          </a:solidFill>
        </p:spPr>
        <p:txBody>
          <a:bodyPr anchor="ctr"/>
          <a:lstStyle>
            <a:lvl1pPr algn="ctr">
              <a:defRPr sz="1200">
                <a:solidFill>
                  <a:schemeClr val="bg2"/>
                </a:solidFill>
                <a:latin typeface="+mn-lt"/>
              </a:defRPr>
            </a:lvl1pPr>
          </a:lstStyle>
          <a:p>
            <a:pPr marL="0" marR="0" lvl="0" indent="0" algn="ctr" defTabSz="914400" rtl="0" eaLnBrk="1" fontAlgn="auto" latinLnBrk="0" hangingPunct="1">
              <a:lnSpc>
                <a:spcPct val="100000"/>
              </a:lnSpc>
              <a:spcBef>
                <a:spcPts val="300"/>
              </a:spcBef>
              <a:spcAft>
                <a:spcPts val="600"/>
              </a:spcAft>
              <a:buClrTx/>
              <a:buSzTx/>
              <a:buFontTx/>
              <a:buNone/>
              <a:tabLst/>
              <a:defRPr/>
            </a:pPr>
            <a:br>
              <a:rPr lang="en-US" dirty="0"/>
            </a:br>
            <a:br>
              <a:rPr lang="en-US" dirty="0"/>
            </a:br>
            <a:br>
              <a:rPr lang="en-US" dirty="0"/>
            </a:br>
            <a:r>
              <a:rPr lang="en-US" dirty="0"/>
              <a:t>CLICK ICON TO ADD PICTURE</a:t>
            </a:r>
          </a:p>
        </p:txBody>
      </p:sp>
      <p:sp>
        <p:nvSpPr>
          <p:cNvPr id="14" name="Picture Placeholder 7">
            <a:extLst>
              <a:ext uri="{FF2B5EF4-FFF2-40B4-BE49-F238E27FC236}">
                <a16:creationId xmlns:a16="http://schemas.microsoft.com/office/drawing/2014/main" id="{9C1DAD88-7BF4-3A6A-DD4C-441DA1CA25F5}"/>
              </a:ext>
            </a:extLst>
          </p:cNvPr>
          <p:cNvSpPr>
            <a:spLocks noGrp="1"/>
          </p:cNvSpPr>
          <p:nvPr>
            <p:ph type="pic" sz="quarter" idx="21" hasCustomPrompt="1"/>
          </p:nvPr>
        </p:nvSpPr>
        <p:spPr>
          <a:xfrm>
            <a:off x="4244866" y="1373860"/>
            <a:ext cx="3702159" cy="4579818"/>
          </a:xfrm>
          <a:solidFill>
            <a:schemeClr val="accent4"/>
          </a:solidFill>
        </p:spPr>
        <p:txBody>
          <a:bodyPr anchor="ctr"/>
          <a:lstStyle>
            <a:lvl1pPr algn="ctr">
              <a:defRPr sz="1200">
                <a:solidFill>
                  <a:schemeClr val="bg2"/>
                </a:solidFill>
                <a:latin typeface="+mn-lt"/>
              </a:defRPr>
            </a:lvl1pPr>
          </a:lstStyle>
          <a:p>
            <a:pPr marL="0" marR="0" lvl="0" indent="0" algn="ctr" defTabSz="914400" rtl="0" eaLnBrk="1" fontAlgn="auto" latinLnBrk="0" hangingPunct="1">
              <a:lnSpc>
                <a:spcPct val="100000"/>
              </a:lnSpc>
              <a:spcBef>
                <a:spcPts val="300"/>
              </a:spcBef>
              <a:spcAft>
                <a:spcPts val="600"/>
              </a:spcAft>
              <a:buClrTx/>
              <a:buSzTx/>
              <a:buFontTx/>
              <a:buNone/>
              <a:tabLst/>
              <a:defRPr/>
            </a:pPr>
            <a:r>
              <a:rPr lang="en-US" dirty="0"/>
              <a:t>CLICK ICON TO ADD PICTURE</a:t>
            </a:r>
          </a:p>
        </p:txBody>
      </p:sp>
      <p:sp>
        <p:nvSpPr>
          <p:cNvPr id="4" name="Title 3">
            <a:extLst>
              <a:ext uri="{FF2B5EF4-FFF2-40B4-BE49-F238E27FC236}">
                <a16:creationId xmlns:a16="http://schemas.microsoft.com/office/drawing/2014/main" id="{03251AA4-CEE2-6B4A-5233-16FDF9120C7E}"/>
              </a:ext>
            </a:extLst>
          </p:cNvPr>
          <p:cNvSpPr>
            <a:spLocks noGrp="1"/>
          </p:cNvSpPr>
          <p:nvPr>
            <p:ph type="title"/>
          </p:nvPr>
        </p:nvSpPr>
        <p:spPr>
          <a:xfrm>
            <a:off x="365760" y="326553"/>
            <a:ext cx="7589836" cy="879947"/>
          </a:xfrm>
        </p:spPr>
        <p:txBody>
          <a:bodyPr/>
          <a:lstStyle>
            <a:lvl1pPr>
              <a:defRPr b="1"/>
            </a:lvl1pPr>
          </a:lstStyle>
          <a:p>
            <a:r>
              <a:rPr lang="en-US" dirty="0"/>
              <a:t>Click to edit Master title style</a:t>
            </a:r>
          </a:p>
        </p:txBody>
      </p:sp>
    </p:spTree>
    <p:extLst>
      <p:ext uri="{BB962C8B-B14F-4D97-AF65-F5344CB8AC3E}">
        <p14:creationId xmlns:p14="http://schemas.microsoft.com/office/powerpoint/2010/main" val="1758376616"/>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E. Image">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F5801F35-C62E-384C-B870-C37F66B17A9C}"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22" name="Picture Placeholder 7">
            <a:extLst>
              <a:ext uri="{FF2B5EF4-FFF2-40B4-BE49-F238E27FC236}">
                <a16:creationId xmlns:a16="http://schemas.microsoft.com/office/drawing/2014/main" id="{0B959A0D-2AC4-2994-F535-46B384AFDB67}"/>
              </a:ext>
            </a:extLst>
          </p:cNvPr>
          <p:cNvSpPr>
            <a:spLocks noGrp="1"/>
          </p:cNvSpPr>
          <p:nvPr>
            <p:ph type="pic" sz="quarter" idx="21" hasCustomPrompt="1"/>
          </p:nvPr>
        </p:nvSpPr>
        <p:spPr>
          <a:xfrm>
            <a:off x="4243388" y="3771537"/>
            <a:ext cx="3706810" cy="2182139"/>
          </a:xfrm>
          <a:solidFill>
            <a:schemeClr val="accent4"/>
          </a:solidFill>
        </p:spPr>
        <p:txBody>
          <a:bodyPr anchor="ctr"/>
          <a:lstStyle>
            <a:lvl1pPr algn="ctr">
              <a:defRPr sz="1200">
                <a:solidFill>
                  <a:schemeClr val="bg2"/>
                </a:solidFill>
                <a:latin typeface="+mn-lt"/>
              </a:defRPr>
            </a:lvl1pPr>
          </a:lstStyle>
          <a:p>
            <a:pPr marL="0" marR="0" lvl="0" indent="0" algn="ctr" defTabSz="914400" rtl="0" eaLnBrk="1" fontAlgn="auto" latinLnBrk="0" hangingPunct="1">
              <a:lnSpc>
                <a:spcPct val="100000"/>
              </a:lnSpc>
              <a:spcBef>
                <a:spcPts val="300"/>
              </a:spcBef>
              <a:spcAft>
                <a:spcPts val="600"/>
              </a:spcAft>
              <a:buClrTx/>
              <a:buSzTx/>
              <a:buFontTx/>
              <a:buNone/>
              <a:tabLst/>
              <a:defRPr/>
            </a:pPr>
            <a:br>
              <a:rPr lang="en-US" dirty="0"/>
            </a:br>
            <a:br>
              <a:rPr lang="en-US" dirty="0"/>
            </a:br>
            <a:br>
              <a:rPr lang="en-US" dirty="0"/>
            </a:br>
            <a:br>
              <a:rPr lang="en-US" dirty="0"/>
            </a:br>
            <a:r>
              <a:rPr lang="en-US" dirty="0"/>
              <a:t>CLICK ICON TO ADD PICTURE</a:t>
            </a:r>
          </a:p>
        </p:txBody>
      </p:sp>
      <p:sp>
        <p:nvSpPr>
          <p:cNvPr id="23" name="Picture Placeholder 7">
            <a:extLst>
              <a:ext uri="{FF2B5EF4-FFF2-40B4-BE49-F238E27FC236}">
                <a16:creationId xmlns:a16="http://schemas.microsoft.com/office/drawing/2014/main" id="{D393C5F7-FD18-5228-2D85-794F476F1093}"/>
              </a:ext>
            </a:extLst>
          </p:cNvPr>
          <p:cNvSpPr>
            <a:spLocks noGrp="1"/>
          </p:cNvSpPr>
          <p:nvPr>
            <p:ph type="pic" sz="quarter" idx="18" hasCustomPrompt="1"/>
          </p:nvPr>
        </p:nvSpPr>
        <p:spPr>
          <a:xfrm>
            <a:off x="8128000" y="1373860"/>
            <a:ext cx="3706811" cy="4579818"/>
          </a:xfrm>
          <a:solidFill>
            <a:schemeClr val="accent4"/>
          </a:solidFill>
        </p:spPr>
        <p:txBody>
          <a:bodyPr anchor="ctr"/>
          <a:lstStyle>
            <a:lvl1pPr algn="ctr">
              <a:defRPr sz="1200">
                <a:solidFill>
                  <a:schemeClr val="bg2"/>
                </a:solidFill>
                <a:latin typeface="+mn-lt"/>
              </a:defRPr>
            </a:lvl1pPr>
          </a:lstStyle>
          <a:p>
            <a:pPr marL="0" marR="0" lvl="0" indent="0" algn="ctr" defTabSz="914400" rtl="0" eaLnBrk="1" fontAlgn="auto" latinLnBrk="0" hangingPunct="1">
              <a:lnSpc>
                <a:spcPct val="100000"/>
              </a:lnSpc>
              <a:spcBef>
                <a:spcPts val="300"/>
              </a:spcBef>
              <a:spcAft>
                <a:spcPts val="600"/>
              </a:spcAft>
              <a:buClrTx/>
              <a:buSzTx/>
              <a:buFontTx/>
              <a:buNone/>
              <a:tabLst/>
              <a:defRPr/>
            </a:pPr>
            <a:br>
              <a:rPr lang="en-US" dirty="0"/>
            </a:br>
            <a:br>
              <a:rPr lang="en-US" dirty="0"/>
            </a:br>
            <a:br>
              <a:rPr lang="en-US" dirty="0"/>
            </a:br>
            <a:br>
              <a:rPr lang="en-US" dirty="0"/>
            </a:br>
            <a:r>
              <a:rPr lang="en-US" dirty="0"/>
              <a:t>CLICK ICON TO ADD PICTURE</a:t>
            </a:r>
          </a:p>
        </p:txBody>
      </p:sp>
      <p:sp>
        <p:nvSpPr>
          <p:cNvPr id="27" name="Picture Placeholder 7">
            <a:extLst>
              <a:ext uri="{FF2B5EF4-FFF2-40B4-BE49-F238E27FC236}">
                <a16:creationId xmlns:a16="http://schemas.microsoft.com/office/drawing/2014/main" id="{5EE10362-8F31-187D-2FE5-000A85CC7928}"/>
              </a:ext>
            </a:extLst>
          </p:cNvPr>
          <p:cNvSpPr>
            <a:spLocks noGrp="1"/>
          </p:cNvSpPr>
          <p:nvPr>
            <p:ph type="pic" sz="quarter" idx="22" hasCustomPrompt="1"/>
          </p:nvPr>
        </p:nvSpPr>
        <p:spPr>
          <a:xfrm>
            <a:off x="4243388" y="1373861"/>
            <a:ext cx="3706810" cy="2182140"/>
          </a:xfrm>
          <a:solidFill>
            <a:schemeClr val="accent4"/>
          </a:solidFill>
        </p:spPr>
        <p:txBody>
          <a:bodyPr anchor="ctr"/>
          <a:lstStyle>
            <a:lvl1pPr algn="ctr">
              <a:defRPr sz="1200">
                <a:solidFill>
                  <a:schemeClr val="bg2"/>
                </a:solidFill>
                <a:latin typeface="+mn-lt"/>
              </a:defRPr>
            </a:lvl1pPr>
          </a:lstStyle>
          <a:p>
            <a:pPr marL="0" marR="0" lvl="0" indent="0" algn="ctr" defTabSz="914400" rtl="0" eaLnBrk="1" fontAlgn="auto" latinLnBrk="0" hangingPunct="1">
              <a:lnSpc>
                <a:spcPct val="100000"/>
              </a:lnSpc>
              <a:spcBef>
                <a:spcPts val="300"/>
              </a:spcBef>
              <a:spcAft>
                <a:spcPts val="600"/>
              </a:spcAft>
              <a:buClrTx/>
              <a:buSzTx/>
              <a:buFontTx/>
              <a:buNone/>
              <a:tabLst/>
              <a:defRPr/>
            </a:pPr>
            <a:br>
              <a:rPr lang="en-US" dirty="0"/>
            </a:br>
            <a:br>
              <a:rPr lang="en-US" dirty="0"/>
            </a:br>
            <a:br>
              <a:rPr lang="en-US" dirty="0"/>
            </a:br>
            <a:br>
              <a:rPr lang="en-US" dirty="0"/>
            </a:br>
            <a:r>
              <a:rPr lang="en-US" dirty="0"/>
              <a:t>CLICK ICON TO ADD PICTURE</a:t>
            </a:r>
          </a:p>
        </p:txBody>
      </p:sp>
      <p:sp>
        <p:nvSpPr>
          <p:cNvPr id="31" name="Picture Placeholder 7">
            <a:extLst>
              <a:ext uri="{FF2B5EF4-FFF2-40B4-BE49-F238E27FC236}">
                <a16:creationId xmlns:a16="http://schemas.microsoft.com/office/drawing/2014/main" id="{9B8365F9-C243-0D76-271E-0A4C535F46E5}"/>
              </a:ext>
            </a:extLst>
          </p:cNvPr>
          <p:cNvSpPr>
            <a:spLocks noGrp="1"/>
          </p:cNvSpPr>
          <p:nvPr>
            <p:ph type="pic" sz="quarter" idx="11" hasCustomPrompt="1"/>
          </p:nvPr>
        </p:nvSpPr>
        <p:spPr>
          <a:xfrm>
            <a:off x="357188" y="1373860"/>
            <a:ext cx="3706811" cy="4579818"/>
          </a:xfrm>
          <a:solidFill>
            <a:schemeClr val="accent4"/>
          </a:solidFill>
        </p:spPr>
        <p:txBody>
          <a:bodyPr anchor="ctr"/>
          <a:lstStyle>
            <a:lvl1pPr algn="ctr">
              <a:defRPr sz="1200">
                <a:solidFill>
                  <a:schemeClr val="bg2"/>
                </a:solidFill>
                <a:latin typeface="+mn-lt"/>
              </a:defRPr>
            </a:lvl1pPr>
          </a:lstStyle>
          <a:p>
            <a:pPr marL="0" marR="0" lvl="0" indent="0" algn="ctr" defTabSz="914400" rtl="0" eaLnBrk="1" fontAlgn="auto" latinLnBrk="0" hangingPunct="1">
              <a:lnSpc>
                <a:spcPct val="100000"/>
              </a:lnSpc>
              <a:spcBef>
                <a:spcPts val="300"/>
              </a:spcBef>
              <a:spcAft>
                <a:spcPts val="600"/>
              </a:spcAft>
              <a:buClrTx/>
              <a:buSzTx/>
              <a:buFontTx/>
              <a:buNone/>
              <a:tabLst/>
              <a:defRPr/>
            </a:pPr>
            <a:br>
              <a:rPr lang="en-US" dirty="0"/>
            </a:br>
            <a:br>
              <a:rPr lang="en-US" dirty="0"/>
            </a:br>
            <a:br>
              <a:rPr lang="en-US" dirty="0"/>
            </a:br>
            <a:br>
              <a:rPr lang="en-US" dirty="0"/>
            </a:br>
            <a:r>
              <a:rPr lang="en-US" dirty="0"/>
              <a:t>CLICK ICON TO ADD PICTURE</a:t>
            </a:r>
          </a:p>
        </p:txBody>
      </p:sp>
      <p:sp>
        <p:nvSpPr>
          <p:cNvPr id="6" name="Title 3">
            <a:extLst>
              <a:ext uri="{FF2B5EF4-FFF2-40B4-BE49-F238E27FC236}">
                <a16:creationId xmlns:a16="http://schemas.microsoft.com/office/drawing/2014/main" id="{76D8810D-D417-63FB-E892-C837934654A4}"/>
              </a:ext>
            </a:extLst>
          </p:cNvPr>
          <p:cNvSpPr>
            <a:spLocks noGrp="1"/>
          </p:cNvSpPr>
          <p:nvPr>
            <p:ph type="title"/>
          </p:nvPr>
        </p:nvSpPr>
        <p:spPr>
          <a:xfrm>
            <a:off x="365760" y="326553"/>
            <a:ext cx="7589836" cy="879947"/>
          </a:xfrm>
        </p:spPr>
        <p:txBody>
          <a:bodyPr/>
          <a:lstStyle>
            <a:lvl1pPr>
              <a:defRPr b="1"/>
            </a:lvl1pPr>
          </a:lstStyle>
          <a:p>
            <a:r>
              <a:rPr lang="en-US" dirty="0"/>
              <a:t>Click to edit Master title style</a:t>
            </a:r>
          </a:p>
        </p:txBody>
      </p:sp>
    </p:spTree>
    <p:extLst>
      <p:ext uri="{BB962C8B-B14F-4D97-AF65-F5344CB8AC3E}">
        <p14:creationId xmlns:p14="http://schemas.microsoft.com/office/powerpoint/2010/main" val="2459988838"/>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F. Imag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4AB172D6-85F6-BA49-FD6A-DD5BB3C60E42}"/>
              </a:ext>
            </a:extLst>
          </p:cNvPr>
          <p:cNvSpPr/>
          <p:nvPr userDrawn="1"/>
        </p:nvSpPr>
        <p:spPr>
          <a:xfrm>
            <a:off x="457200" y="1371600"/>
            <a:ext cx="11247120" cy="4480560"/>
          </a:xfrm>
          <a:prstGeom prst="rect">
            <a:avLst/>
          </a:prstGeom>
          <a:solidFill>
            <a:schemeClr val="accent4"/>
          </a:solidFill>
          <a:ln w="158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5" name="Picture Placeholder 34">
            <a:extLst>
              <a:ext uri="{FF2B5EF4-FFF2-40B4-BE49-F238E27FC236}">
                <a16:creationId xmlns:a16="http://schemas.microsoft.com/office/drawing/2014/main" id="{60847443-A895-819B-303D-C8A1B7B38949}"/>
              </a:ext>
            </a:extLst>
          </p:cNvPr>
          <p:cNvSpPr>
            <a:spLocks noGrp="1"/>
          </p:cNvSpPr>
          <p:nvPr>
            <p:ph type="pic" sz="quarter" idx="10" hasCustomPrompt="1"/>
          </p:nvPr>
        </p:nvSpPr>
        <p:spPr>
          <a:xfrm>
            <a:off x="364940" y="1259101"/>
            <a:ext cx="11469872" cy="4684499"/>
          </a:xfrm>
          <a:custGeom>
            <a:avLst/>
            <a:gdLst>
              <a:gd name="connsiteX0" fmla="*/ 11139165 w 11458099"/>
              <a:gd name="connsiteY0" fmla="*/ 4293403 h 4681323"/>
              <a:gd name="connsiteX1" fmla="*/ 11139165 w 11458099"/>
              <a:gd name="connsiteY1" fmla="*/ 4362890 h 4681323"/>
              <a:gd name="connsiteX2" fmla="*/ 11067720 w 11458099"/>
              <a:gd name="connsiteY2" fmla="*/ 4362890 h 4681323"/>
              <a:gd name="connsiteX3" fmla="*/ 11067720 w 11458099"/>
              <a:gd name="connsiteY3" fmla="*/ 4384554 h 4681323"/>
              <a:gd name="connsiteX4" fmla="*/ 11139165 w 11458099"/>
              <a:gd name="connsiteY4" fmla="*/ 4384554 h 4681323"/>
              <a:gd name="connsiteX5" fmla="*/ 11139165 w 11458099"/>
              <a:gd name="connsiteY5" fmla="*/ 4454041 h 4681323"/>
              <a:gd name="connsiteX6" fmla="*/ 11160826 w 11458099"/>
              <a:gd name="connsiteY6" fmla="*/ 4454041 h 4681323"/>
              <a:gd name="connsiteX7" fmla="*/ 11160826 w 11458099"/>
              <a:gd name="connsiteY7" fmla="*/ 4384554 h 4681323"/>
              <a:gd name="connsiteX8" fmla="*/ 11232270 w 11458099"/>
              <a:gd name="connsiteY8" fmla="*/ 4384554 h 4681323"/>
              <a:gd name="connsiteX9" fmla="*/ 11232270 w 11458099"/>
              <a:gd name="connsiteY9" fmla="*/ 4362890 h 4681323"/>
              <a:gd name="connsiteX10" fmla="*/ 11160826 w 11458099"/>
              <a:gd name="connsiteY10" fmla="*/ 4362890 h 4681323"/>
              <a:gd name="connsiteX11" fmla="*/ 11160826 w 11458099"/>
              <a:gd name="connsiteY11" fmla="*/ 4293403 h 4681323"/>
              <a:gd name="connsiteX12" fmla="*/ 299520 w 11458099"/>
              <a:gd name="connsiteY12" fmla="*/ 4293403 h 4681323"/>
              <a:gd name="connsiteX13" fmla="*/ 299520 w 11458099"/>
              <a:gd name="connsiteY13" fmla="*/ 4362890 h 4681323"/>
              <a:gd name="connsiteX14" fmla="*/ 228076 w 11458099"/>
              <a:gd name="connsiteY14" fmla="*/ 4362890 h 4681323"/>
              <a:gd name="connsiteX15" fmla="*/ 228076 w 11458099"/>
              <a:gd name="connsiteY15" fmla="*/ 4384554 h 4681323"/>
              <a:gd name="connsiteX16" fmla="*/ 299520 w 11458099"/>
              <a:gd name="connsiteY16" fmla="*/ 4384554 h 4681323"/>
              <a:gd name="connsiteX17" fmla="*/ 299520 w 11458099"/>
              <a:gd name="connsiteY17" fmla="*/ 4454041 h 4681323"/>
              <a:gd name="connsiteX18" fmla="*/ 321181 w 11458099"/>
              <a:gd name="connsiteY18" fmla="*/ 4454041 h 4681323"/>
              <a:gd name="connsiteX19" fmla="*/ 321181 w 11458099"/>
              <a:gd name="connsiteY19" fmla="*/ 4384554 h 4681323"/>
              <a:gd name="connsiteX20" fmla="*/ 392625 w 11458099"/>
              <a:gd name="connsiteY20" fmla="*/ 4384554 h 4681323"/>
              <a:gd name="connsiteX21" fmla="*/ 392625 w 11458099"/>
              <a:gd name="connsiteY21" fmla="*/ 4362890 h 4681323"/>
              <a:gd name="connsiteX22" fmla="*/ 321181 w 11458099"/>
              <a:gd name="connsiteY22" fmla="*/ 4362890 h 4681323"/>
              <a:gd name="connsiteX23" fmla="*/ 321181 w 11458099"/>
              <a:gd name="connsiteY23" fmla="*/ 4293403 h 4681323"/>
              <a:gd name="connsiteX24" fmla="*/ 11139165 w 11458099"/>
              <a:gd name="connsiteY24" fmla="*/ 228036 h 4681323"/>
              <a:gd name="connsiteX25" fmla="*/ 11139165 w 11458099"/>
              <a:gd name="connsiteY25" fmla="*/ 297523 h 4681323"/>
              <a:gd name="connsiteX26" fmla="*/ 11067720 w 11458099"/>
              <a:gd name="connsiteY26" fmla="*/ 297523 h 4681323"/>
              <a:gd name="connsiteX27" fmla="*/ 11067720 w 11458099"/>
              <a:gd name="connsiteY27" fmla="*/ 319186 h 4681323"/>
              <a:gd name="connsiteX28" fmla="*/ 11139165 w 11458099"/>
              <a:gd name="connsiteY28" fmla="*/ 319186 h 4681323"/>
              <a:gd name="connsiteX29" fmla="*/ 11139165 w 11458099"/>
              <a:gd name="connsiteY29" fmla="*/ 388674 h 4681323"/>
              <a:gd name="connsiteX30" fmla="*/ 11160826 w 11458099"/>
              <a:gd name="connsiteY30" fmla="*/ 388674 h 4681323"/>
              <a:gd name="connsiteX31" fmla="*/ 11160826 w 11458099"/>
              <a:gd name="connsiteY31" fmla="*/ 319186 h 4681323"/>
              <a:gd name="connsiteX32" fmla="*/ 11232270 w 11458099"/>
              <a:gd name="connsiteY32" fmla="*/ 319186 h 4681323"/>
              <a:gd name="connsiteX33" fmla="*/ 11232270 w 11458099"/>
              <a:gd name="connsiteY33" fmla="*/ 297523 h 4681323"/>
              <a:gd name="connsiteX34" fmla="*/ 11160826 w 11458099"/>
              <a:gd name="connsiteY34" fmla="*/ 297523 h 4681323"/>
              <a:gd name="connsiteX35" fmla="*/ 11160826 w 11458099"/>
              <a:gd name="connsiteY35" fmla="*/ 228036 h 4681323"/>
              <a:gd name="connsiteX36" fmla="*/ 299520 w 11458099"/>
              <a:gd name="connsiteY36" fmla="*/ 227972 h 4681323"/>
              <a:gd name="connsiteX37" fmla="*/ 299520 w 11458099"/>
              <a:gd name="connsiteY37" fmla="*/ 297460 h 4681323"/>
              <a:gd name="connsiteX38" fmla="*/ 228076 w 11458099"/>
              <a:gd name="connsiteY38" fmla="*/ 297460 h 4681323"/>
              <a:gd name="connsiteX39" fmla="*/ 228076 w 11458099"/>
              <a:gd name="connsiteY39" fmla="*/ 319123 h 4681323"/>
              <a:gd name="connsiteX40" fmla="*/ 299520 w 11458099"/>
              <a:gd name="connsiteY40" fmla="*/ 319123 h 4681323"/>
              <a:gd name="connsiteX41" fmla="*/ 299520 w 11458099"/>
              <a:gd name="connsiteY41" fmla="*/ 388611 h 4681323"/>
              <a:gd name="connsiteX42" fmla="*/ 321181 w 11458099"/>
              <a:gd name="connsiteY42" fmla="*/ 388611 h 4681323"/>
              <a:gd name="connsiteX43" fmla="*/ 321181 w 11458099"/>
              <a:gd name="connsiteY43" fmla="*/ 319123 h 4681323"/>
              <a:gd name="connsiteX44" fmla="*/ 392625 w 11458099"/>
              <a:gd name="connsiteY44" fmla="*/ 319123 h 4681323"/>
              <a:gd name="connsiteX45" fmla="*/ 392625 w 11458099"/>
              <a:gd name="connsiteY45" fmla="*/ 297460 h 4681323"/>
              <a:gd name="connsiteX46" fmla="*/ 321181 w 11458099"/>
              <a:gd name="connsiteY46" fmla="*/ 297460 h 4681323"/>
              <a:gd name="connsiteX47" fmla="*/ 321181 w 11458099"/>
              <a:gd name="connsiteY47" fmla="*/ 227972 h 4681323"/>
              <a:gd name="connsiteX48" fmla="*/ 0 w 11458099"/>
              <a:gd name="connsiteY48" fmla="*/ 0 h 4681323"/>
              <a:gd name="connsiteX49" fmla="*/ 11458099 w 11458099"/>
              <a:gd name="connsiteY49" fmla="*/ 0 h 4681323"/>
              <a:gd name="connsiteX50" fmla="*/ 11458099 w 11458099"/>
              <a:gd name="connsiteY50" fmla="*/ 4681323 h 4681323"/>
              <a:gd name="connsiteX51" fmla="*/ 0 w 11458099"/>
              <a:gd name="connsiteY51" fmla="*/ 4681323 h 46813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1458099" h="4681323">
                <a:moveTo>
                  <a:pt x="11139165" y="4293403"/>
                </a:moveTo>
                <a:lnTo>
                  <a:pt x="11139165" y="4362890"/>
                </a:lnTo>
                <a:lnTo>
                  <a:pt x="11067720" y="4362890"/>
                </a:lnTo>
                <a:lnTo>
                  <a:pt x="11067720" y="4384554"/>
                </a:lnTo>
                <a:lnTo>
                  <a:pt x="11139165" y="4384554"/>
                </a:lnTo>
                <a:lnTo>
                  <a:pt x="11139165" y="4454041"/>
                </a:lnTo>
                <a:lnTo>
                  <a:pt x="11160826" y="4454041"/>
                </a:lnTo>
                <a:lnTo>
                  <a:pt x="11160826" y="4384554"/>
                </a:lnTo>
                <a:lnTo>
                  <a:pt x="11232270" y="4384554"/>
                </a:lnTo>
                <a:lnTo>
                  <a:pt x="11232270" y="4362890"/>
                </a:lnTo>
                <a:lnTo>
                  <a:pt x="11160826" y="4362890"/>
                </a:lnTo>
                <a:lnTo>
                  <a:pt x="11160826" y="4293403"/>
                </a:lnTo>
                <a:close/>
                <a:moveTo>
                  <a:pt x="299520" y="4293403"/>
                </a:moveTo>
                <a:lnTo>
                  <a:pt x="299520" y="4362890"/>
                </a:lnTo>
                <a:lnTo>
                  <a:pt x="228076" y="4362890"/>
                </a:lnTo>
                <a:lnTo>
                  <a:pt x="228076" y="4384554"/>
                </a:lnTo>
                <a:lnTo>
                  <a:pt x="299520" y="4384554"/>
                </a:lnTo>
                <a:lnTo>
                  <a:pt x="299520" y="4454041"/>
                </a:lnTo>
                <a:lnTo>
                  <a:pt x="321181" y="4454041"/>
                </a:lnTo>
                <a:lnTo>
                  <a:pt x="321181" y="4384554"/>
                </a:lnTo>
                <a:lnTo>
                  <a:pt x="392625" y="4384554"/>
                </a:lnTo>
                <a:lnTo>
                  <a:pt x="392625" y="4362890"/>
                </a:lnTo>
                <a:lnTo>
                  <a:pt x="321181" y="4362890"/>
                </a:lnTo>
                <a:lnTo>
                  <a:pt x="321181" y="4293403"/>
                </a:lnTo>
                <a:close/>
                <a:moveTo>
                  <a:pt x="11139165" y="228036"/>
                </a:moveTo>
                <a:lnTo>
                  <a:pt x="11139165" y="297523"/>
                </a:lnTo>
                <a:lnTo>
                  <a:pt x="11067720" y="297523"/>
                </a:lnTo>
                <a:lnTo>
                  <a:pt x="11067720" y="319186"/>
                </a:lnTo>
                <a:lnTo>
                  <a:pt x="11139165" y="319186"/>
                </a:lnTo>
                <a:lnTo>
                  <a:pt x="11139165" y="388674"/>
                </a:lnTo>
                <a:lnTo>
                  <a:pt x="11160826" y="388674"/>
                </a:lnTo>
                <a:lnTo>
                  <a:pt x="11160826" y="319186"/>
                </a:lnTo>
                <a:lnTo>
                  <a:pt x="11232270" y="319186"/>
                </a:lnTo>
                <a:lnTo>
                  <a:pt x="11232270" y="297523"/>
                </a:lnTo>
                <a:lnTo>
                  <a:pt x="11160826" y="297523"/>
                </a:lnTo>
                <a:lnTo>
                  <a:pt x="11160826" y="228036"/>
                </a:lnTo>
                <a:close/>
                <a:moveTo>
                  <a:pt x="299520" y="227972"/>
                </a:moveTo>
                <a:lnTo>
                  <a:pt x="299520" y="297460"/>
                </a:lnTo>
                <a:lnTo>
                  <a:pt x="228076" y="297460"/>
                </a:lnTo>
                <a:lnTo>
                  <a:pt x="228076" y="319123"/>
                </a:lnTo>
                <a:lnTo>
                  <a:pt x="299520" y="319123"/>
                </a:lnTo>
                <a:lnTo>
                  <a:pt x="299520" y="388611"/>
                </a:lnTo>
                <a:lnTo>
                  <a:pt x="321181" y="388611"/>
                </a:lnTo>
                <a:lnTo>
                  <a:pt x="321181" y="319123"/>
                </a:lnTo>
                <a:lnTo>
                  <a:pt x="392625" y="319123"/>
                </a:lnTo>
                <a:lnTo>
                  <a:pt x="392625" y="297460"/>
                </a:lnTo>
                <a:lnTo>
                  <a:pt x="321181" y="297460"/>
                </a:lnTo>
                <a:lnTo>
                  <a:pt x="321181" y="227972"/>
                </a:lnTo>
                <a:close/>
                <a:moveTo>
                  <a:pt x="0" y="0"/>
                </a:moveTo>
                <a:lnTo>
                  <a:pt x="11458099" y="0"/>
                </a:lnTo>
                <a:lnTo>
                  <a:pt x="11458099" y="4681323"/>
                </a:lnTo>
                <a:lnTo>
                  <a:pt x="0" y="4681323"/>
                </a:lnTo>
                <a:close/>
              </a:path>
            </a:pathLst>
          </a:custGeom>
          <a:solidFill>
            <a:schemeClr val="accent1"/>
          </a:solidFill>
          <a:ln>
            <a:noFill/>
          </a:ln>
        </p:spPr>
        <p:txBody>
          <a:bodyPr wrap="square" anchor="ctr">
            <a:noAutofit/>
          </a:bodyPr>
          <a:lstStyle>
            <a:lvl1pPr algn="l">
              <a:defRPr sz="1600">
                <a:solidFill>
                  <a:schemeClr val="accent3"/>
                </a:solidFill>
              </a:defRPr>
            </a:lvl1pPr>
          </a:lstStyle>
          <a:p>
            <a:pPr marL="0" marR="0" lvl="0" indent="0" algn="l" defTabSz="914400" rtl="0" eaLnBrk="1" fontAlgn="auto" latinLnBrk="0" hangingPunct="1">
              <a:lnSpc>
                <a:spcPct val="100000"/>
              </a:lnSpc>
              <a:spcBef>
                <a:spcPts val="300"/>
              </a:spcBef>
              <a:spcAft>
                <a:spcPts val="600"/>
              </a:spcAft>
              <a:buClrTx/>
              <a:buSzTx/>
              <a:buFontTx/>
              <a:buNone/>
              <a:tabLst/>
              <a:defRPr/>
            </a:pPr>
            <a:r>
              <a:rPr lang="en-US" dirty="0"/>
              <a:t>CLICK ICON TO ADD PICTURE</a:t>
            </a:r>
          </a:p>
        </p:txBody>
      </p:sp>
      <p:sp>
        <p:nvSpPr>
          <p:cNvPr id="4" name="Title 3">
            <a:extLst>
              <a:ext uri="{FF2B5EF4-FFF2-40B4-BE49-F238E27FC236}">
                <a16:creationId xmlns:a16="http://schemas.microsoft.com/office/drawing/2014/main" id="{83F8C335-0CC1-DB89-CACD-1C796CE2669C}"/>
              </a:ext>
            </a:extLst>
          </p:cNvPr>
          <p:cNvSpPr>
            <a:spLocks noGrp="1"/>
          </p:cNvSpPr>
          <p:nvPr>
            <p:ph type="title"/>
          </p:nvPr>
        </p:nvSpPr>
        <p:spPr>
          <a:xfrm>
            <a:off x="365760" y="329184"/>
            <a:ext cx="7589836" cy="775576"/>
          </a:xfrm>
        </p:spPr>
        <p:txBody>
          <a:bodyPr/>
          <a:lstStyle>
            <a:lvl1pPr>
              <a:defRPr b="1"/>
            </a:lvl1pPr>
          </a:lstStyle>
          <a:p>
            <a:r>
              <a:rPr lang="en-US" dirty="0"/>
              <a:t>Click to edit Master title style</a:t>
            </a:r>
          </a:p>
        </p:txBody>
      </p:sp>
      <p:sp>
        <p:nvSpPr>
          <p:cNvPr id="2" name="Date Placeholder 4">
            <a:extLst>
              <a:ext uri="{FF2B5EF4-FFF2-40B4-BE49-F238E27FC236}">
                <a16:creationId xmlns:a16="http://schemas.microsoft.com/office/drawing/2014/main" id="{9877A89C-6FB8-C11D-355D-CEC7042F8426}"/>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830976EE-F36F-264E-94DB-0520705E141E}" type="datetime1">
              <a:rPr lang="en-US" smtClean="0"/>
              <a:t>2/5/2024</a:t>
            </a:fld>
            <a:endParaRPr lang="en-US" dirty="0"/>
          </a:p>
        </p:txBody>
      </p:sp>
      <p:sp>
        <p:nvSpPr>
          <p:cNvPr id="7" name="Slide Number Placeholder 12">
            <a:extLst>
              <a:ext uri="{FF2B5EF4-FFF2-40B4-BE49-F238E27FC236}">
                <a16:creationId xmlns:a16="http://schemas.microsoft.com/office/drawing/2014/main" id="{1D56BFED-5482-5A3C-6D87-A05F74D4055A}"/>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66988087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G. Image">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4AB172D6-85F6-BA49-FD6A-DD5BB3C60E42}"/>
              </a:ext>
            </a:extLst>
          </p:cNvPr>
          <p:cNvSpPr/>
          <p:nvPr userDrawn="1"/>
        </p:nvSpPr>
        <p:spPr>
          <a:xfrm>
            <a:off x="544285" y="1259101"/>
            <a:ext cx="11290525" cy="4646399"/>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5" name="Picture Placeholder 34">
            <a:extLst>
              <a:ext uri="{FF2B5EF4-FFF2-40B4-BE49-F238E27FC236}">
                <a16:creationId xmlns:a16="http://schemas.microsoft.com/office/drawing/2014/main" id="{60847443-A895-819B-303D-C8A1B7B38949}"/>
              </a:ext>
            </a:extLst>
          </p:cNvPr>
          <p:cNvSpPr>
            <a:spLocks noGrp="1"/>
          </p:cNvSpPr>
          <p:nvPr>
            <p:ph type="pic" sz="quarter" idx="10" hasCustomPrompt="1"/>
          </p:nvPr>
        </p:nvSpPr>
        <p:spPr>
          <a:xfrm>
            <a:off x="357190" y="1262277"/>
            <a:ext cx="11477621" cy="4681323"/>
          </a:xfrm>
          <a:custGeom>
            <a:avLst/>
            <a:gdLst>
              <a:gd name="connsiteX0" fmla="*/ 11139165 w 11458099"/>
              <a:gd name="connsiteY0" fmla="*/ 4293403 h 4681323"/>
              <a:gd name="connsiteX1" fmla="*/ 11139165 w 11458099"/>
              <a:gd name="connsiteY1" fmla="*/ 4362890 h 4681323"/>
              <a:gd name="connsiteX2" fmla="*/ 11067720 w 11458099"/>
              <a:gd name="connsiteY2" fmla="*/ 4362890 h 4681323"/>
              <a:gd name="connsiteX3" fmla="*/ 11067720 w 11458099"/>
              <a:gd name="connsiteY3" fmla="*/ 4384554 h 4681323"/>
              <a:gd name="connsiteX4" fmla="*/ 11139165 w 11458099"/>
              <a:gd name="connsiteY4" fmla="*/ 4384554 h 4681323"/>
              <a:gd name="connsiteX5" fmla="*/ 11139165 w 11458099"/>
              <a:gd name="connsiteY5" fmla="*/ 4454041 h 4681323"/>
              <a:gd name="connsiteX6" fmla="*/ 11160826 w 11458099"/>
              <a:gd name="connsiteY6" fmla="*/ 4454041 h 4681323"/>
              <a:gd name="connsiteX7" fmla="*/ 11160826 w 11458099"/>
              <a:gd name="connsiteY7" fmla="*/ 4384554 h 4681323"/>
              <a:gd name="connsiteX8" fmla="*/ 11232270 w 11458099"/>
              <a:gd name="connsiteY8" fmla="*/ 4384554 h 4681323"/>
              <a:gd name="connsiteX9" fmla="*/ 11232270 w 11458099"/>
              <a:gd name="connsiteY9" fmla="*/ 4362890 h 4681323"/>
              <a:gd name="connsiteX10" fmla="*/ 11160826 w 11458099"/>
              <a:gd name="connsiteY10" fmla="*/ 4362890 h 4681323"/>
              <a:gd name="connsiteX11" fmla="*/ 11160826 w 11458099"/>
              <a:gd name="connsiteY11" fmla="*/ 4293403 h 4681323"/>
              <a:gd name="connsiteX12" fmla="*/ 299520 w 11458099"/>
              <a:gd name="connsiteY12" fmla="*/ 4293403 h 4681323"/>
              <a:gd name="connsiteX13" fmla="*/ 299520 w 11458099"/>
              <a:gd name="connsiteY13" fmla="*/ 4362890 h 4681323"/>
              <a:gd name="connsiteX14" fmla="*/ 228076 w 11458099"/>
              <a:gd name="connsiteY14" fmla="*/ 4362890 h 4681323"/>
              <a:gd name="connsiteX15" fmla="*/ 228076 w 11458099"/>
              <a:gd name="connsiteY15" fmla="*/ 4384554 h 4681323"/>
              <a:gd name="connsiteX16" fmla="*/ 299520 w 11458099"/>
              <a:gd name="connsiteY16" fmla="*/ 4384554 h 4681323"/>
              <a:gd name="connsiteX17" fmla="*/ 299520 w 11458099"/>
              <a:gd name="connsiteY17" fmla="*/ 4454041 h 4681323"/>
              <a:gd name="connsiteX18" fmla="*/ 321181 w 11458099"/>
              <a:gd name="connsiteY18" fmla="*/ 4454041 h 4681323"/>
              <a:gd name="connsiteX19" fmla="*/ 321181 w 11458099"/>
              <a:gd name="connsiteY19" fmla="*/ 4384554 h 4681323"/>
              <a:gd name="connsiteX20" fmla="*/ 392625 w 11458099"/>
              <a:gd name="connsiteY20" fmla="*/ 4384554 h 4681323"/>
              <a:gd name="connsiteX21" fmla="*/ 392625 w 11458099"/>
              <a:gd name="connsiteY21" fmla="*/ 4362890 h 4681323"/>
              <a:gd name="connsiteX22" fmla="*/ 321181 w 11458099"/>
              <a:gd name="connsiteY22" fmla="*/ 4362890 h 4681323"/>
              <a:gd name="connsiteX23" fmla="*/ 321181 w 11458099"/>
              <a:gd name="connsiteY23" fmla="*/ 4293403 h 4681323"/>
              <a:gd name="connsiteX24" fmla="*/ 11139165 w 11458099"/>
              <a:gd name="connsiteY24" fmla="*/ 228036 h 4681323"/>
              <a:gd name="connsiteX25" fmla="*/ 11139165 w 11458099"/>
              <a:gd name="connsiteY25" fmla="*/ 297523 h 4681323"/>
              <a:gd name="connsiteX26" fmla="*/ 11067720 w 11458099"/>
              <a:gd name="connsiteY26" fmla="*/ 297523 h 4681323"/>
              <a:gd name="connsiteX27" fmla="*/ 11067720 w 11458099"/>
              <a:gd name="connsiteY27" fmla="*/ 319186 h 4681323"/>
              <a:gd name="connsiteX28" fmla="*/ 11139165 w 11458099"/>
              <a:gd name="connsiteY28" fmla="*/ 319186 h 4681323"/>
              <a:gd name="connsiteX29" fmla="*/ 11139165 w 11458099"/>
              <a:gd name="connsiteY29" fmla="*/ 388674 h 4681323"/>
              <a:gd name="connsiteX30" fmla="*/ 11160826 w 11458099"/>
              <a:gd name="connsiteY30" fmla="*/ 388674 h 4681323"/>
              <a:gd name="connsiteX31" fmla="*/ 11160826 w 11458099"/>
              <a:gd name="connsiteY31" fmla="*/ 319186 h 4681323"/>
              <a:gd name="connsiteX32" fmla="*/ 11232270 w 11458099"/>
              <a:gd name="connsiteY32" fmla="*/ 319186 h 4681323"/>
              <a:gd name="connsiteX33" fmla="*/ 11232270 w 11458099"/>
              <a:gd name="connsiteY33" fmla="*/ 297523 h 4681323"/>
              <a:gd name="connsiteX34" fmla="*/ 11160826 w 11458099"/>
              <a:gd name="connsiteY34" fmla="*/ 297523 h 4681323"/>
              <a:gd name="connsiteX35" fmla="*/ 11160826 w 11458099"/>
              <a:gd name="connsiteY35" fmla="*/ 228036 h 4681323"/>
              <a:gd name="connsiteX36" fmla="*/ 299520 w 11458099"/>
              <a:gd name="connsiteY36" fmla="*/ 227972 h 4681323"/>
              <a:gd name="connsiteX37" fmla="*/ 299520 w 11458099"/>
              <a:gd name="connsiteY37" fmla="*/ 297460 h 4681323"/>
              <a:gd name="connsiteX38" fmla="*/ 228076 w 11458099"/>
              <a:gd name="connsiteY38" fmla="*/ 297460 h 4681323"/>
              <a:gd name="connsiteX39" fmla="*/ 228076 w 11458099"/>
              <a:gd name="connsiteY39" fmla="*/ 319123 h 4681323"/>
              <a:gd name="connsiteX40" fmla="*/ 299520 w 11458099"/>
              <a:gd name="connsiteY40" fmla="*/ 319123 h 4681323"/>
              <a:gd name="connsiteX41" fmla="*/ 299520 w 11458099"/>
              <a:gd name="connsiteY41" fmla="*/ 388611 h 4681323"/>
              <a:gd name="connsiteX42" fmla="*/ 321181 w 11458099"/>
              <a:gd name="connsiteY42" fmla="*/ 388611 h 4681323"/>
              <a:gd name="connsiteX43" fmla="*/ 321181 w 11458099"/>
              <a:gd name="connsiteY43" fmla="*/ 319123 h 4681323"/>
              <a:gd name="connsiteX44" fmla="*/ 392625 w 11458099"/>
              <a:gd name="connsiteY44" fmla="*/ 319123 h 4681323"/>
              <a:gd name="connsiteX45" fmla="*/ 392625 w 11458099"/>
              <a:gd name="connsiteY45" fmla="*/ 297460 h 4681323"/>
              <a:gd name="connsiteX46" fmla="*/ 321181 w 11458099"/>
              <a:gd name="connsiteY46" fmla="*/ 297460 h 4681323"/>
              <a:gd name="connsiteX47" fmla="*/ 321181 w 11458099"/>
              <a:gd name="connsiteY47" fmla="*/ 227972 h 4681323"/>
              <a:gd name="connsiteX48" fmla="*/ 0 w 11458099"/>
              <a:gd name="connsiteY48" fmla="*/ 0 h 4681323"/>
              <a:gd name="connsiteX49" fmla="*/ 11458099 w 11458099"/>
              <a:gd name="connsiteY49" fmla="*/ 0 h 4681323"/>
              <a:gd name="connsiteX50" fmla="*/ 11458099 w 11458099"/>
              <a:gd name="connsiteY50" fmla="*/ 4681323 h 4681323"/>
              <a:gd name="connsiteX51" fmla="*/ 0 w 11458099"/>
              <a:gd name="connsiteY51" fmla="*/ 4681323 h 46813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1458099" h="4681323">
                <a:moveTo>
                  <a:pt x="11139165" y="4293403"/>
                </a:moveTo>
                <a:lnTo>
                  <a:pt x="11139165" y="4362890"/>
                </a:lnTo>
                <a:lnTo>
                  <a:pt x="11067720" y="4362890"/>
                </a:lnTo>
                <a:lnTo>
                  <a:pt x="11067720" y="4384554"/>
                </a:lnTo>
                <a:lnTo>
                  <a:pt x="11139165" y="4384554"/>
                </a:lnTo>
                <a:lnTo>
                  <a:pt x="11139165" y="4454041"/>
                </a:lnTo>
                <a:lnTo>
                  <a:pt x="11160826" y="4454041"/>
                </a:lnTo>
                <a:lnTo>
                  <a:pt x="11160826" y="4384554"/>
                </a:lnTo>
                <a:lnTo>
                  <a:pt x="11232270" y="4384554"/>
                </a:lnTo>
                <a:lnTo>
                  <a:pt x="11232270" y="4362890"/>
                </a:lnTo>
                <a:lnTo>
                  <a:pt x="11160826" y="4362890"/>
                </a:lnTo>
                <a:lnTo>
                  <a:pt x="11160826" y="4293403"/>
                </a:lnTo>
                <a:close/>
                <a:moveTo>
                  <a:pt x="299520" y="4293403"/>
                </a:moveTo>
                <a:lnTo>
                  <a:pt x="299520" y="4362890"/>
                </a:lnTo>
                <a:lnTo>
                  <a:pt x="228076" y="4362890"/>
                </a:lnTo>
                <a:lnTo>
                  <a:pt x="228076" y="4384554"/>
                </a:lnTo>
                <a:lnTo>
                  <a:pt x="299520" y="4384554"/>
                </a:lnTo>
                <a:lnTo>
                  <a:pt x="299520" y="4454041"/>
                </a:lnTo>
                <a:lnTo>
                  <a:pt x="321181" y="4454041"/>
                </a:lnTo>
                <a:lnTo>
                  <a:pt x="321181" y="4384554"/>
                </a:lnTo>
                <a:lnTo>
                  <a:pt x="392625" y="4384554"/>
                </a:lnTo>
                <a:lnTo>
                  <a:pt x="392625" y="4362890"/>
                </a:lnTo>
                <a:lnTo>
                  <a:pt x="321181" y="4362890"/>
                </a:lnTo>
                <a:lnTo>
                  <a:pt x="321181" y="4293403"/>
                </a:lnTo>
                <a:close/>
                <a:moveTo>
                  <a:pt x="11139165" y="228036"/>
                </a:moveTo>
                <a:lnTo>
                  <a:pt x="11139165" y="297523"/>
                </a:lnTo>
                <a:lnTo>
                  <a:pt x="11067720" y="297523"/>
                </a:lnTo>
                <a:lnTo>
                  <a:pt x="11067720" y="319186"/>
                </a:lnTo>
                <a:lnTo>
                  <a:pt x="11139165" y="319186"/>
                </a:lnTo>
                <a:lnTo>
                  <a:pt x="11139165" y="388674"/>
                </a:lnTo>
                <a:lnTo>
                  <a:pt x="11160826" y="388674"/>
                </a:lnTo>
                <a:lnTo>
                  <a:pt x="11160826" y="319186"/>
                </a:lnTo>
                <a:lnTo>
                  <a:pt x="11232270" y="319186"/>
                </a:lnTo>
                <a:lnTo>
                  <a:pt x="11232270" y="297523"/>
                </a:lnTo>
                <a:lnTo>
                  <a:pt x="11160826" y="297523"/>
                </a:lnTo>
                <a:lnTo>
                  <a:pt x="11160826" y="228036"/>
                </a:lnTo>
                <a:close/>
                <a:moveTo>
                  <a:pt x="299520" y="227972"/>
                </a:moveTo>
                <a:lnTo>
                  <a:pt x="299520" y="297460"/>
                </a:lnTo>
                <a:lnTo>
                  <a:pt x="228076" y="297460"/>
                </a:lnTo>
                <a:lnTo>
                  <a:pt x="228076" y="319123"/>
                </a:lnTo>
                <a:lnTo>
                  <a:pt x="299520" y="319123"/>
                </a:lnTo>
                <a:lnTo>
                  <a:pt x="299520" y="388611"/>
                </a:lnTo>
                <a:lnTo>
                  <a:pt x="321181" y="388611"/>
                </a:lnTo>
                <a:lnTo>
                  <a:pt x="321181" y="319123"/>
                </a:lnTo>
                <a:lnTo>
                  <a:pt x="392625" y="319123"/>
                </a:lnTo>
                <a:lnTo>
                  <a:pt x="392625" y="297460"/>
                </a:lnTo>
                <a:lnTo>
                  <a:pt x="321181" y="297460"/>
                </a:lnTo>
                <a:lnTo>
                  <a:pt x="321181" y="227972"/>
                </a:lnTo>
                <a:close/>
                <a:moveTo>
                  <a:pt x="0" y="0"/>
                </a:moveTo>
                <a:lnTo>
                  <a:pt x="11458099" y="0"/>
                </a:lnTo>
                <a:lnTo>
                  <a:pt x="11458099" y="4681323"/>
                </a:lnTo>
                <a:lnTo>
                  <a:pt x="0" y="4681323"/>
                </a:lnTo>
                <a:close/>
              </a:path>
            </a:pathLst>
          </a:custGeom>
          <a:solidFill>
            <a:schemeClr val="accent4"/>
          </a:solidFill>
        </p:spPr>
        <p:txBody>
          <a:bodyPr wrap="square">
            <a:noAutofit/>
          </a:bodyPr>
          <a:lstStyle>
            <a:lvl1pPr algn="ctr">
              <a:defRPr sz="1600">
                <a:solidFill>
                  <a:schemeClr val="tx1"/>
                </a:solidFill>
              </a:defRPr>
            </a:lvl1pPr>
          </a:lstStyle>
          <a:p>
            <a:pPr marL="0" marR="0" lvl="0" indent="0" algn="l" defTabSz="914400" rtl="0" eaLnBrk="1" fontAlgn="auto" latinLnBrk="0" hangingPunct="1">
              <a:lnSpc>
                <a:spcPct val="100000"/>
              </a:lnSpc>
              <a:spcBef>
                <a:spcPts val="300"/>
              </a:spcBef>
              <a:spcAft>
                <a:spcPts val="600"/>
              </a:spcAft>
              <a:buClrTx/>
              <a:buSzTx/>
              <a:buFontTx/>
              <a:buNone/>
              <a:tabLst/>
              <a:defRPr/>
            </a:pPr>
            <a:r>
              <a:rPr lang="en-US" dirty="0"/>
              <a:t>CLICK ICON TO ADD PICTURE</a:t>
            </a:r>
          </a:p>
        </p:txBody>
      </p:sp>
      <p:sp>
        <p:nvSpPr>
          <p:cNvPr id="2" name="Date Placeholder 4">
            <a:extLst>
              <a:ext uri="{FF2B5EF4-FFF2-40B4-BE49-F238E27FC236}">
                <a16:creationId xmlns:a16="http://schemas.microsoft.com/office/drawing/2014/main" id="{E735E37C-4979-C527-4A6B-D3E0C5DCDB3A}"/>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4CC34FF5-1D81-9F48-9578-E6999299AE5D}" type="datetime1">
              <a:rPr lang="en-US" smtClean="0"/>
              <a:t>2/5/2024</a:t>
            </a:fld>
            <a:endParaRPr lang="en-US" dirty="0"/>
          </a:p>
        </p:txBody>
      </p:sp>
      <p:sp>
        <p:nvSpPr>
          <p:cNvPr id="7" name="Slide Number Placeholder 12">
            <a:extLst>
              <a:ext uri="{FF2B5EF4-FFF2-40B4-BE49-F238E27FC236}">
                <a16:creationId xmlns:a16="http://schemas.microsoft.com/office/drawing/2014/main" id="{97F3192F-7853-3A95-38A8-60768FAC3368}"/>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3" name="Title 3">
            <a:extLst>
              <a:ext uri="{FF2B5EF4-FFF2-40B4-BE49-F238E27FC236}">
                <a16:creationId xmlns:a16="http://schemas.microsoft.com/office/drawing/2014/main" id="{5DE93770-7CE9-E8D6-59DC-14F7E8B8D2A0}"/>
              </a:ext>
            </a:extLst>
          </p:cNvPr>
          <p:cNvSpPr>
            <a:spLocks noGrp="1"/>
          </p:cNvSpPr>
          <p:nvPr>
            <p:ph type="title"/>
          </p:nvPr>
        </p:nvSpPr>
        <p:spPr>
          <a:xfrm>
            <a:off x="365760" y="329184"/>
            <a:ext cx="7589836" cy="775576"/>
          </a:xfrm>
        </p:spPr>
        <p:txBody>
          <a:bodyPr/>
          <a:lstStyle>
            <a:lvl1pPr>
              <a:defRPr b="1"/>
            </a:lvl1pPr>
          </a:lstStyle>
          <a:p>
            <a:r>
              <a:rPr lang="en-US" dirty="0"/>
              <a:t>Click to edit Master title style</a:t>
            </a:r>
          </a:p>
        </p:txBody>
      </p:sp>
    </p:spTree>
    <p:extLst>
      <p:ext uri="{BB962C8B-B14F-4D97-AF65-F5344CB8AC3E}">
        <p14:creationId xmlns:p14="http://schemas.microsoft.com/office/powerpoint/2010/main" val="407260156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H. Image">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22672DF4-3BFF-D11F-4B5E-9B77C0AA75DE}"/>
              </a:ext>
            </a:extLst>
          </p:cNvPr>
          <p:cNvSpPr/>
          <p:nvPr userDrawn="1"/>
        </p:nvSpPr>
        <p:spPr>
          <a:xfrm>
            <a:off x="369860" y="439317"/>
            <a:ext cx="11283165" cy="5501294"/>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Picture Placeholder 14">
            <a:extLst>
              <a:ext uri="{FF2B5EF4-FFF2-40B4-BE49-F238E27FC236}">
                <a16:creationId xmlns:a16="http://schemas.microsoft.com/office/drawing/2014/main" id="{2BA7273E-24D6-9298-3246-5203F85BF107}"/>
              </a:ext>
            </a:extLst>
          </p:cNvPr>
          <p:cNvSpPr>
            <a:spLocks noGrp="1"/>
          </p:cNvSpPr>
          <p:nvPr>
            <p:ph type="pic" sz="quarter" idx="10" hasCustomPrompt="1"/>
          </p:nvPr>
        </p:nvSpPr>
        <p:spPr>
          <a:xfrm>
            <a:off x="373062" y="440184"/>
            <a:ext cx="11461749" cy="5500427"/>
          </a:xfrm>
          <a:custGeom>
            <a:avLst/>
            <a:gdLst>
              <a:gd name="connsiteX0" fmla="*/ 11186129 w 11508769"/>
              <a:gd name="connsiteY0" fmla="*/ 5110187 h 5500427"/>
              <a:gd name="connsiteX1" fmla="*/ 11186129 w 11508769"/>
              <a:gd name="connsiteY1" fmla="*/ 5179955 h 5500427"/>
              <a:gd name="connsiteX2" fmla="*/ 11114346 w 11508769"/>
              <a:gd name="connsiteY2" fmla="*/ 5179955 h 5500427"/>
              <a:gd name="connsiteX3" fmla="*/ 11114346 w 11508769"/>
              <a:gd name="connsiteY3" fmla="*/ 5201706 h 5500427"/>
              <a:gd name="connsiteX4" fmla="*/ 11186129 w 11508769"/>
              <a:gd name="connsiteY4" fmla="*/ 5201706 h 5500427"/>
              <a:gd name="connsiteX5" fmla="*/ 11186129 w 11508769"/>
              <a:gd name="connsiteY5" fmla="*/ 5271473 h 5500427"/>
              <a:gd name="connsiteX6" fmla="*/ 11207893 w 11508769"/>
              <a:gd name="connsiteY6" fmla="*/ 5271473 h 5500427"/>
              <a:gd name="connsiteX7" fmla="*/ 11207893 w 11508769"/>
              <a:gd name="connsiteY7" fmla="*/ 5201706 h 5500427"/>
              <a:gd name="connsiteX8" fmla="*/ 11279676 w 11508769"/>
              <a:gd name="connsiteY8" fmla="*/ 5201706 h 5500427"/>
              <a:gd name="connsiteX9" fmla="*/ 11279676 w 11508769"/>
              <a:gd name="connsiteY9" fmla="*/ 5179955 h 5500427"/>
              <a:gd name="connsiteX10" fmla="*/ 11207893 w 11508769"/>
              <a:gd name="connsiteY10" fmla="*/ 5179955 h 5500427"/>
              <a:gd name="connsiteX11" fmla="*/ 11207893 w 11508769"/>
              <a:gd name="connsiteY11" fmla="*/ 5110187 h 5500427"/>
              <a:gd name="connsiteX12" fmla="*/ 295066 w 11508769"/>
              <a:gd name="connsiteY12" fmla="*/ 5110187 h 5500427"/>
              <a:gd name="connsiteX13" fmla="*/ 295066 w 11508769"/>
              <a:gd name="connsiteY13" fmla="*/ 5179955 h 5500427"/>
              <a:gd name="connsiteX14" fmla="*/ 223284 w 11508769"/>
              <a:gd name="connsiteY14" fmla="*/ 5179955 h 5500427"/>
              <a:gd name="connsiteX15" fmla="*/ 223284 w 11508769"/>
              <a:gd name="connsiteY15" fmla="*/ 5201706 h 5500427"/>
              <a:gd name="connsiteX16" fmla="*/ 295066 w 11508769"/>
              <a:gd name="connsiteY16" fmla="*/ 5201706 h 5500427"/>
              <a:gd name="connsiteX17" fmla="*/ 295066 w 11508769"/>
              <a:gd name="connsiteY17" fmla="*/ 5271473 h 5500427"/>
              <a:gd name="connsiteX18" fmla="*/ 316830 w 11508769"/>
              <a:gd name="connsiteY18" fmla="*/ 5271473 h 5500427"/>
              <a:gd name="connsiteX19" fmla="*/ 316830 w 11508769"/>
              <a:gd name="connsiteY19" fmla="*/ 5201706 h 5500427"/>
              <a:gd name="connsiteX20" fmla="*/ 388613 w 11508769"/>
              <a:gd name="connsiteY20" fmla="*/ 5201706 h 5500427"/>
              <a:gd name="connsiteX21" fmla="*/ 388613 w 11508769"/>
              <a:gd name="connsiteY21" fmla="*/ 5179955 h 5500427"/>
              <a:gd name="connsiteX22" fmla="*/ 316830 w 11508769"/>
              <a:gd name="connsiteY22" fmla="*/ 5179955 h 5500427"/>
              <a:gd name="connsiteX23" fmla="*/ 316830 w 11508769"/>
              <a:gd name="connsiteY23" fmla="*/ 5110187 h 5500427"/>
              <a:gd name="connsiteX24" fmla="*/ 11186129 w 11508769"/>
              <a:gd name="connsiteY24" fmla="*/ 228536 h 5500427"/>
              <a:gd name="connsiteX25" fmla="*/ 11186129 w 11508769"/>
              <a:gd name="connsiteY25" fmla="*/ 298303 h 5500427"/>
              <a:gd name="connsiteX26" fmla="*/ 11114346 w 11508769"/>
              <a:gd name="connsiteY26" fmla="*/ 298303 h 5500427"/>
              <a:gd name="connsiteX27" fmla="*/ 11114346 w 11508769"/>
              <a:gd name="connsiteY27" fmla="*/ 320054 h 5500427"/>
              <a:gd name="connsiteX28" fmla="*/ 11186129 w 11508769"/>
              <a:gd name="connsiteY28" fmla="*/ 320054 h 5500427"/>
              <a:gd name="connsiteX29" fmla="*/ 11186129 w 11508769"/>
              <a:gd name="connsiteY29" fmla="*/ 389822 h 5500427"/>
              <a:gd name="connsiteX30" fmla="*/ 11207893 w 11508769"/>
              <a:gd name="connsiteY30" fmla="*/ 389822 h 5500427"/>
              <a:gd name="connsiteX31" fmla="*/ 11207893 w 11508769"/>
              <a:gd name="connsiteY31" fmla="*/ 320054 h 5500427"/>
              <a:gd name="connsiteX32" fmla="*/ 11279676 w 11508769"/>
              <a:gd name="connsiteY32" fmla="*/ 320054 h 5500427"/>
              <a:gd name="connsiteX33" fmla="*/ 11279676 w 11508769"/>
              <a:gd name="connsiteY33" fmla="*/ 298303 h 5500427"/>
              <a:gd name="connsiteX34" fmla="*/ 11207893 w 11508769"/>
              <a:gd name="connsiteY34" fmla="*/ 298303 h 5500427"/>
              <a:gd name="connsiteX35" fmla="*/ 11207893 w 11508769"/>
              <a:gd name="connsiteY35" fmla="*/ 228536 h 5500427"/>
              <a:gd name="connsiteX36" fmla="*/ 295066 w 11508769"/>
              <a:gd name="connsiteY36" fmla="*/ 228536 h 5500427"/>
              <a:gd name="connsiteX37" fmla="*/ 295066 w 11508769"/>
              <a:gd name="connsiteY37" fmla="*/ 298303 h 5500427"/>
              <a:gd name="connsiteX38" fmla="*/ 223284 w 11508769"/>
              <a:gd name="connsiteY38" fmla="*/ 298303 h 5500427"/>
              <a:gd name="connsiteX39" fmla="*/ 223284 w 11508769"/>
              <a:gd name="connsiteY39" fmla="*/ 320054 h 5500427"/>
              <a:gd name="connsiteX40" fmla="*/ 295066 w 11508769"/>
              <a:gd name="connsiteY40" fmla="*/ 320054 h 5500427"/>
              <a:gd name="connsiteX41" fmla="*/ 295066 w 11508769"/>
              <a:gd name="connsiteY41" fmla="*/ 389822 h 5500427"/>
              <a:gd name="connsiteX42" fmla="*/ 316830 w 11508769"/>
              <a:gd name="connsiteY42" fmla="*/ 389822 h 5500427"/>
              <a:gd name="connsiteX43" fmla="*/ 316830 w 11508769"/>
              <a:gd name="connsiteY43" fmla="*/ 320054 h 5500427"/>
              <a:gd name="connsiteX44" fmla="*/ 388613 w 11508769"/>
              <a:gd name="connsiteY44" fmla="*/ 320054 h 5500427"/>
              <a:gd name="connsiteX45" fmla="*/ 388613 w 11508769"/>
              <a:gd name="connsiteY45" fmla="*/ 298303 h 5500427"/>
              <a:gd name="connsiteX46" fmla="*/ 316830 w 11508769"/>
              <a:gd name="connsiteY46" fmla="*/ 298303 h 5500427"/>
              <a:gd name="connsiteX47" fmla="*/ 316830 w 11508769"/>
              <a:gd name="connsiteY47" fmla="*/ 228536 h 5500427"/>
              <a:gd name="connsiteX48" fmla="*/ 0 w 11508769"/>
              <a:gd name="connsiteY48" fmla="*/ 0 h 5500427"/>
              <a:gd name="connsiteX49" fmla="*/ 11508769 w 11508769"/>
              <a:gd name="connsiteY49" fmla="*/ 0 h 5500427"/>
              <a:gd name="connsiteX50" fmla="*/ 11508769 w 11508769"/>
              <a:gd name="connsiteY50" fmla="*/ 5500427 h 5500427"/>
              <a:gd name="connsiteX51" fmla="*/ 0 w 11508769"/>
              <a:gd name="connsiteY51" fmla="*/ 5500427 h 55004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1508769" h="5500427">
                <a:moveTo>
                  <a:pt x="11186129" y="5110187"/>
                </a:moveTo>
                <a:lnTo>
                  <a:pt x="11186129" y="5179955"/>
                </a:lnTo>
                <a:lnTo>
                  <a:pt x="11114346" y="5179955"/>
                </a:lnTo>
                <a:lnTo>
                  <a:pt x="11114346" y="5201706"/>
                </a:lnTo>
                <a:lnTo>
                  <a:pt x="11186129" y="5201706"/>
                </a:lnTo>
                <a:lnTo>
                  <a:pt x="11186129" y="5271473"/>
                </a:lnTo>
                <a:lnTo>
                  <a:pt x="11207893" y="5271473"/>
                </a:lnTo>
                <a:lnTo>
                  <a:pt x="11207893" y="5201706"/>
                </a:lnTo>
                <a:lnTo>
                  <a:pt x="11279676" y="5201706"/>
                </a:lnTo>
                <a:lnTo>
                  <a:pt x="11279676" y="5179955"/>
                </a:lnTo>
                <a:lnTo>
                  <a:pt x="11207893" y="5179955"/>
                </a:lnTo>
                <a:lnTo>
                  <a:pt x="11207893" y="5110187"/>
                </a:lnTo>
                <a:close/>
                <a:moveTo>
                  <a:pt x="295066" y="5110187"/>
                </a:moveTo>
                <a:lnTo>
                  <a:pt x="295066" y="5179955"/>
                </a:lnTo>
                <a:lnTo>
                  <a:pt x="223284" y="5179955"/>
                </a:lnTo>
                <a:lnTo>
                  <a:pt x="223284" y="5201706"/>
                </a:lnTo>
                <a:lnTo>
                  <a:pt x="295066" y="5201706"/>
                </a:lnTo>
                <a:lnTo>
                  <a:pt x="295066" y="5271473"/>
                </a:lnTo>
                <a:lnTo>
                  <a:pt x="316830" y="5271473"/>
                </a:lnTo>
                <a:lnTo>
                  <a:pt x="316830" y="5201706"/>
                </a:lnTo>
                <a:lnTo>
                  <a:pt x="388613" y="5201706"/>
                </a:lnTo>
                <a:lnTo>
                  <a:pt x="388613" y="5179955"/>
                </a:lnTo>
                <a:lnTo>
                  <a:pt x="316830" y="5179955"/>
                </a:lnTo>
                <a:lnTo>
                  <a:pt x="316830" y="5110187"/>
                </a:lnTo>
                <a:close/>
                <a:moveTo>
                  <a:pt x="11186129" y="228536"/>
                </a:moveTo>
                <a:lnTo>
                  <a:pt x="11186129" y="298303"/>
                </a:lnTo>
                <a:lnTo>
                  <a:pt x="11114346" y="298303"/>
                </a:lnTo>
                <a:lnTo>
                  <a:pt x="11114346" y="320054"/>
                </a:lnTo>
                <a:lnTo>
                  <a:pt x="11186129" y="320054"/>
                </a:lnTo>
                <a:lnTo>
                  <a:pt x="11186129" y="389822"/>
                </a:lnTo>
                <a:lnTo>
                  <a:pt x="11207893" y="389822"/>
                </a:lnTo>
                <a:lnTo>
                  <a:pt x="11207893" y="320054"/>
                </a:lnTo>
                <a:lnTo>
                  <a:pt x="11279676" y="320054"/>
                </a:lnTo>
                <a:lnTo>
                  <a:pt x="11279676" y="298303"/>
                </a:lnTo>
                <a:lnTo>
                  <a:pt x="11207893" y="298303"/>
                </a:lnTo>
                <a:lnTo>
                  <a:pt x="11207893" y="228536"/>
                </a:lnTo>
                <a:close/>
                <a:moveTo>
                  <a:pt x="295066" y="228536"/>
                </a:moveTo>
                <a:lnTo>
                  <a:pt x="295066" y="298303"/>
                </a:lnTo>
                <a:lnTo>
                  <a:pt x="223284" y="298303"/>
                </a:lnTo>
                <a:lnTo>
                  <a:pt x="223284" y="320054"/>
                </a:lnTo>
                <a:lnTo>
                  <a:pt x="295066" y="320054"/>
                </a:lnTo>
                <a:lnTo>
                  <a:pt x="295066" y="389822"/>
                </a:lnTo>
                <a:lnTo>
                  <a:pt x="316830" y="389822"/>
                </a:lnTo>
                <a:lnTo>
                  <a:pt x="316830" y="320054"/>
                </a:lnTo>
                <a:lnTo>
                  <a:pt x="388613" y="320054"/>
                </a:lnTo>
                <a:lnTo>
                  <a:pt x="388613" y="298303"/>
                </a:lnTo>
                <a:lnTo>
                  <a:pt x="316830" y="298303"/>
                </a:lnTo>
                <a:lnTo>
                  <a:pt x="316830" y="228536"/>
                </a:lnTo>
                <a:close/>
                <a:moveTo>
                  <a:pt x="0" y="0"/>
                </a:moveTo>
                <a:lnTo>
                  <a:pt x="11508769" y="0"/>
                </a:lnTo>
                <a:lnTo>
                  <a:pt x="11508769" y="5500427"/>
                </a:lnTo>
                <a:lnTo>
                  <a:pt x="0" y="5500427"/>
                </a:lnTo>
                <a:close/>
              </a:path>
            </a:pathLst>
          </a:custGeom>
          <a:solidFill>
            <a:schemeClr val="accent1"/>
          </a:solidFill>
        </p:spPr>
        <p:txBody>
          <a:bodyPr wrap="square" anchor="ctr">
            <a:noAutofit/>
          </a:bodyPr>
          <a:lstStyle>
            <a:lvl1pPr algn="ctr">
              <a:defRPr sz="1600">
                <a:solidFill>
                  <a:schemeClr val="accent3"/>
                </a:solidFill>
              </a:defRPr>
            </a:lvl1pPr>
          </a:lstStyle>
          <a:p>
            <a:pPr marL="0" marR="0" lvl="0" indent="0" algn="l" defTabSz="914400" rtl="0" eaLnBrk="1" fontAlgn="auto" latinLnBrk="0" hangingPunct="1">
              <a:lnSpc>
                <a:spcPct val="100000"/>
              </a:lnSpc>
              <a:spcBef>
                <a:spcPts val="300"/>
              </a:spcBef>
              <a:spcAft>
                <a:spcPts val="600"/>
              </a:spcAft>
              <a:buClrTx/>
              <a:buSzTx/>
              <a:buFontTx/>
              <a:buNone/>
              <a:tabLst/>
              <a:defRPr/>
            </a:pPr>
            <a:r>
              <a:rPr lang="en-US" dirty="0"/>
              <a:t>CLICK ICON TO ADD PICTURE</a:t>
            </a:r>
          </a:p>
        </p:txBody>
      </p:sp>
      <p:sp>
        <p:nvSpPr>
          <p:cNvPr id="6" name="Date Placeholder 4">
            <a:extLst>
              <a:ext uri="{FF2B5EF4-FFF2-40B4-BE49-F238E27FC236}">
                <a16:creationId xmlns:a16="http://schemas.microsoft.com/office/drawing/2014/main" id="{83D02D5C-9779-F88F-921F-9E47593032FF}"/>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3E1E88D2-C76D-AB45-87FC-C2AC8A04F9D6}" type="datetime1">
              <a:rPr lang="en-US" smtClean="0"/>
              <a:t>2/5/2024</a:t>
            </a:fld>
            <a:endParaRPr lang="en-US" dirty="0"/>
          </a:p>
        </p:txBody>
      </p:sp>
      <p:sp>
        <p:nvSpPr>
          <p:cNvPr id="7" name="Slide Number Placeholder 12">
            <a:extLst>
              <a:ext uri="{FF2B5EF4-FFF2-40B4-BE49-F238E27FC236}">
                <a16:creationId xmlns:a16="http://schemas.microsoft.com/office/drawing/2014/main" id="{50ABD5BD-57ED-FBEE-2635-B797BE4BCE8B}"/>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17958568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I. Image">
    <p:spTree>
      <p:nvGrpSpPr>
        <p:cNvPr id="1" name=""/>
        <p:cNvGrpSpPr/>
        <p:nvPr/>
      </p:nvGrpSpPr>
      <p:grpSpPr>
        <a:xfrm>
          <a:off x="0" y="0"/>
          <a:ext cx="0" cy="0"/>
          <a:chOff x="0" y="0"/>
          <a:chExt cx="0" cy="0"/>
        </a:xfrm>
      </p:grpSpPr>
      <p:sp>
        <p:nvSpPr>
          <p:cNvPr id="15" name="Picture Placeholder 14">
            <a:extLst>
              <a:ext uri="{FF2B5EF4-FFF2-40B4-BE49-F238E27FC236}">
                <a16:creationId xmlns:a16="http://schemas.microsoft.com/office/drawing/2014/main" id="{2BA7273E-24D6-9298-3246-5203F85BF107}"/>
              </a:ext>
            </a:extLst>
          </p:cNvPr>
          <p:cNvSpPr>
            <a:spLocks noGrp="1"/>
          </p:cNvSpPr>
          <p:nvPr>
            <p:ph type="pic" sz="quarter" idx="10" hasCustomPrompt="1"/>
          </p:nvPr>
        </p:nvSpPr>
        <p:spPr>
          <a:xfrm>
            <a:off x="373062" y="443173"/>
            <a:ext cx="11461750" cy="5500427"/>
          </a:xfrm>
          <a:custGeom>
            <a:avLst/>
            <a:gdLst>
              <a:gd name="connsiteX0" fmla="*/ 11186129 w 11508769"/>
              <a:gd name="connsiteY0" fmla="*/ 5110187 h 5500427"/>
              <a:gd name="connsiteX1" fmla="*/ 11186129 w 11508769"/>
              <a:gd name="connsiteY1" fmla="*/ 5179955 h 5500427"/>
              <a:gd name="connsiteX2" fmla="*/ 11114346 w 11508769"/>
              <a:gd name="connsiteY2" fmla="*/ 5179955 h 5500427"/>
              <a:gd name="connsiteX3" fmla="*/ 11114346 w 11508769"/>
              <a:gd name="connsiteY3" fmla="*/ 5201706 h 5500427"/>
              <a:gd name="connsiteX4" fmla="*/ 11186129 w 11508769"/>
              <a:gd name="connsiteY4" fmla="*/ 5201706 h 5500427"/>
              <a:gd name="connsiteX5" fmla="*/ 11186129 w 11508769"/>
              <a:gd name="connsiteY5" fmla="*/ 5271473 h 5500427"/>
              <a:gd name="connsiteX6" fmla="*/ 11207893 w 11508769"/>
              <a:gd name="connsiteY6" fmla="*/ 5271473 h 5500427"/>
              <a:gd name="connsiteX7" fmla="*/ 11207893 w 11508769"/>
              <a:gd name="connsiteY7" fmla="*/ 5201706 h 5500427"/>
              <a:gd name="connsiteX8" fmla="*/ 11279676 w 11508769"/>
              <a:gd name="connsiteY8" fmla="*/ 5201706 h 5500427"/>
              <a:gd name="connsiteX9" fmla="*/ 11279676 w 11508769"/>
              <a:gd name="connsiteY9" fmla="*/ 5179955 h 5500427"/>
              <a:gd name="connsiteX10" fmla="*/ 11207893 w 11508769"/>
              <a:gd name="connsiteY10" fmla="*/ 5179955 h 5500427"/>
              <a:gd name="connsiteX11" fmla="*/ 11207893 w 11508769"/>
              <a:gd name="connsiteY11" fmla="*/ 5110187 h 5500427"/>
              <a:gd name="connsiteX12" fmla="*/ 295066 w 11508769"/>
              <a:gd name="connsiteY12" fmla="*/ 5110187 h 5500427"/>
              <a:gd name="connsiteX13" fmla="*/ 295066 w 11508769"/>
              <a:gd name="connsiteY13" fmla="*/ 5179955 h 5500427"/>
              <a:gd name="connsiteX14" fmla="*/ 223284 w 11508769"/>
              <a:gd name="connsiteY14" fmla="*/ 5179955 h 5500427"/>
              <a:gd name="connsiteX15" fmla="*/ 223284 w 11508769"/>
              <a:gd name="connsiteY15" fmla="*/ 5201706 h 5500427"/>
              <a:gd name="connsiteX16" fmla="*/ 295066 w 11508769"/>
              <a:gd name="connsiteY16" fmla="*/ 5201706 h 5500427"/>
              <a:gd name="connsiteX17" fmla="*/ 295066 w 11508769"/>
              <a:gd name="connsiteY17" fmla="*/ 5271473 h 5500427"/>
              <a:gd name="connsiteX18" fmla="*/ 316830 w 11508769"/>
              <a:gd name="connsiteY18" fmla="*/ 5271473 h 5500427"/>
              <a:gd name="connsiteX19" fmla="*/ 316830 w 11508769"/>
              <a:gd name="connsiteY19" fmla="*/ 5201706 h 5500427"/>
              <a:gd name="connsiteX20" fmla="*/ 388613 w 11508769"/>
              <a:gd name="connsiteY20" fmla="*/ 5201706 h 5500427"/>
              <a:gd name="connsiteX21" fmla="*/ 388613 w 11508769"/>
              <a:gd name="connsiteY21" fmla="*/ 5179955 h 5500427"/>
              <a:gd name="connsiteX22" fmla="*/ 316830 w 11508769"/>
              <a:gd name="connsiteY22" fmla="*/ 5179955 h 5500427"/>
              <a:gd name="connsiteX23" fmla="*/ 316830 w 11508769"/>
              <a:gd name="connsiteY23" fmla="*/ 5110187 h 5500427"/>
              <a:gd name="connsiteX24" fmla="*/ 11186129 w 11508769"/>
              <a:gd name="connsiteY24" fmla="*/ 228536 h 5500427"/>
              <a:gd name="connsiteX25" fmla="*/ 11186129 w 11508769"/>
              <a:gd name="connsiteY25" fmla="*/ 298303 h 5500427"/>
              <a:gd name="connsiteX26" fmla="*/ 11114346 w 11508769"/>
              <a:gd name="connsiteY26" fmla="*/ 298303 h 5500427"/>
              <a:gd name="connsiteX27" fmla="*/ 11114346 w 11508769"/>
              <a:gd name="connsiteY27" fmla="*/ 320054 h 5500427"/>
              <a:gd name="connsiteX28" fmla="*/ 11186129 w 11508769"/>
              <a:gd name="connsiteY28" fmla="*/ 320054 h 5500427"/>
              <a:gd name="connsiteX29" fmla="*/ 11186129 w 11508769"/>
              <a:gd name="connsiteY29" fmla="*/ 389822 h 5500427"/>
              <a:gd name="connsiteX30" fmla="*/ 11207893 w 11508769"/>
              <a:gd name="connsiteY30" fmla="*/ 389822 h 5500427"/>
              <a:gd name="connsiteX31" fmla="*/ 11207893 w 11508769"/>
              <a:gd name="connsiteY31" fmla="*/ 320054 h 5500427"/>
              <a:gd name="connsiteX32" fmla="*/ 11279676 w 11508769"/>
              <a:gd name="connsiteY32" fmla="*/ 320054 h 5500427"/>
              <a:gd name="connsiteX33" fmla="*/ 11279676 w 11508769"/>
              <a:gd name="connsiteY33" fmla="*/ 298303 h 5500427"/>
              <a:gd name="connsiteX34" fmla="*/ 11207893 w 11508769"/>
              <a:gd name="connsiteY34" fmla="*/ 298303 h 5500427"/>
              <a:gd name="connsiteX35" fmla="*/ 11207893 w 11508769"/>
              <a:gd name="connsiteY35" fmla="*/ 228536 h 5500427"/>
              <a:gd name="connsiteX36" fmla="*/ 295066 w 11508769"/>
              <a:gd name="connsiteY36" fmla="*/ 228536 h 5500427"/>
              <a:gd name="connsiteX37" fmla="*/ 295066 w 11508769"/>
              <a:gd name="connsiteY37" fmla="*/ 298303 h 5500427"/>
              <a:gd name="connsiteX38" fmla="*/ 223284 w 11508769"/>
              <a:gd name="connsiteY38" fmla="*/ 298303 h 5500427"/>
              <a:gd name="connsiteX39" fmla="*/ 223284 w 11508769"/>
              <a:gd name="connsiteY39" fmla="*/ 320054 h 5500427"/>
              <a:gd name="connsiteX40" fmla="*/ 295066 w 11508769"/>
              <a:gd name="connsiteY40" fmla="*/ 320054 h 5500427"/>
              <a:gd name="connsiteX41" fmla="*/ 295066 w 11508769"/>
              <a:gd name="connsiteY41" fmla="*/ 389822 h 5500427"/>
              <a:gd name="connsiteX42" fmla="*/ 316830 w 11508769"/>
              <a:gd name="connsiteY42" fmla="*/ 389822 h 5500427"/>
              <a:gd name="connsiteX43" fmla="*/ 316830 w 11508769"/>
              <a:gd name="connsiteY43" fmla="*/ 320054 h 5500427"/>
              <a:gd name="connsiteX44" fmla="*/ 388613 w 11508769"/>
              <a:gd name="connsiteY44" fmla="*/ 320054 h 5500427"/>
              <a:gd name="connsiteX45" fmla="*/ 388613 w 11508769"/>
              <a:gd name="connsiteY45" fmla="*/ 298303 h 5500427"/>
              <a:gd name="connsiteX46" fmla="*/ 316830 w 11508769"/>
              <a:gd name="connsiteY46" fmla="*/ 298303 h 5500427"/>
              <a:gd name="connsiteX47" fmla="*/ 316830 w 11508769"/>
              <a:gd name="connsiteY47" fmla="*/ 228536 h 5500427"/>
              <a:gd name="connsiteX48" fmla="*/ 0 w 11508769"/>
              <a:gd name="connsiteY48" fmla="*/ 0 h 5500427"/>
              <a:gd name="connsiteX49" fmla="*/ 11508769 w 11508769"/>
              <a:gd name="connsiteY49" fmla="*/ 0 h 5500427"/>
              <a:gd name="connsiteX50" fmla="*/ 11508769 w 11508769"/>
              <a:gd name="connsiteY50" fmla="*/ 5500427 h 5500427"/>
              <a:gd name="connsiteX51" fmla="*/ 0 w 11508769"/>
              <a:gd name="connsiteY51" fmla="*/ 5500427 h 55004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1508769" h="5500427">
                <a:moveTo>
                  <a:pt x="11186129" y="5110187"/>
                </a:moveTo>
                <a:lnTo>
                  <a:pt x="11186129" y="5179955"/>
                </a:lnTo>
                <a:lnTo>
                  <a:pt x="11114346" y="5179955"/>
                </a:lnTo>
                <a:lnTo>
                  <a:pt x="11114346" y="5201706"/>
                </a:lnTo>
                <a:lnTo>
                  <a:pt x="11186129" y="5201706"/>
                </a:lnTo>
                <a:lnTo>
                  <a:pt x="11186129" y="5271473"/>
                </a:lnTo>
                <a:lnTo>
                  <a:pt x="11207893" y="5271473"/>
                </a:lnTo>
                <a:lnTo>
                  <a:pt x="11207893" y="5201706"/>
                </a:lnTo>
                <a:lnTo>
                  <a:pt x="11279676" y="5201706"/>
                </a:lnTo>
                <a:lnTo>
                  <a:pt x="11279676" y="5179955"/>
                </a:lnTo>
                <a:lnTo>
                  <a:pt x="11207893" y="5179955"/>
                </a:lnTo>
                <a:lnTo>
                  <a:pt x="11207893" y="5110187"/>
                </a:lnTo>
                <a:close/>
                <a:moveTo>
                  <a:pt x="295066" y="5110187"/>
                </a:moveTo>
                <a:lnTo>
                  <a:pt x="295066" y="5179955"/>
                </a:lnTo>
                <a:lnTo>
                  <a:pt x="223284" y="5179955"/>
                </a:lnTo>
                <a:lnTo>
                  <a:pt x="223284" y="5201706"/>
                </a:lnTo>
                <a:lnTo>
                  <a:pt x="295066" y="5201706"/>
                </a:lnTo>
                <a:lnTo>
                  <a:pt x="295066" y="5271473"/>
                </a:lnTo>
                <a:lnTo>
                  <a:pt x="316830" y="5271473"/>
                </a:lnTo>
                <a:lnTo>
                  <a:pt x="316830" y="5201706"/>
                </a:lnTo>
                <a:lnTo>
                  <a:pt x="388613" y="5201706"/>
                </a:lnTo>
                <a:lnTo>
                  <a:pt x="388613" y="5179955"/>
                </a:lnTo>
                <a:lnTo>
                  <a:pt x="316830" y="5179955"/>
                </a:lnTo>
                <a:lnTo>
                  <a:pt x="316830" y="5110187"/>
                </a:lnTo>
                <a:close/>
                <a:moveTo>
                  <a:pt x="11186129" y="228536"/>
                </a:moveTo>
                <a:lnTo>
                  <a:pt x="11186129" y="298303"/>
                </a:lnTo>
                <a:lnTo>
                  <a:pt x="11114346" y="298303"/>
                </a:lnTo>
                <a:lnTo>
                  <a:pt x="11114346" y="320054"/>
                </a:lnTo>
                <a:lnTo>
                  <a:pt x="11186129" y="320054"/>
                </a:lnTo>
                <a:lnTo>
                  <a:pt x="11186129" y="389822"/>
                </a:lnTo>
                <a:lnTo>
                  <a:pt x="11207893" y="389822"/>
                </a:lnTo>
                <a:lnTo>
                  <a:pt x="11207893" y="320054"/>
                </a:lnTo>
                <a:lnTo>
                  <a:pt x="11279676" y="320054"/>
                </a:lnTo>
                <a:lnTo>
                  <a:pt x="11279676" y="298303"/>
                </a:lnTo>
                <a:lnTo>
                  <a:pt x="11207893" y="298303"/>
                </a:lnTo>
                <a:lnTo>
                  <a:pt x="11207893" y="228536"/>
                </a:lnTo>
                <a:close/>
                <a:moveTo>
                  <a:pt x="295066" y="228536"/>
                </a:moveTo>
                <a:lnTo>
                  <a:pt x="295066" y="298303"/>
                </a:lnTo>
                <a:lnTo>
                  <a:pt x="223284" y="298303"/>
                </a:lnTo>
                <a:lnTo>
                  <a:pt x="223284" y="320054"/>
                </a:lnTo>
                <a:lnTo>
                  <a:pt x="295066" y="320054"/>
                </a:lnTo>
                <a:lnTo>
                  <a:pt x="295066" y="389822"/>
                </a:lnTo>
                <a:lnTo>
                  <a:pt x="316830" y="389822"/>
                </a:lnTo>
                <a:lnTo>
                  <a:pt x="316830" y="320054"/>
                </a:lnTo>
                <a:lnTo>
                  <a:pt x="388613" y="320054"/>
                </a:lnTo>
                <a:lnTo>
                  <a:pt x="388613" y="298303"/>
                </a:lnTo>
                <a:lnTo>
                  <a:pt x="316830" y="298303"/>
                </a:lnTo>
                <a:lnTo>
                  <a:pt x="316830" y="228536"/>
                </a:lnTo>
                <a:close/>
                <a:moveTo>
                  <a:pt x="0" y="0"/>
                </a:moveTo>
                <a:lnTo>
                  <a:pt x="11508769" y="0"/>
                </a:lnTo>
                <a:lnTo>
                  <a:pt x="11508769" y="5500427"/>
                </a:lnTo>
                <a:lnTo>
                  <a:pt x="0" y="5500427"/>
                </a:lnTo>
                <a:close/>
              </a:path>
            </a:pathLst>
          </a:custGeom>
          <a:solidFill>
            <a:schemeClr val="accent4"/>
          </a:solidFill>
        </p:spPr>
        <p:txBody>
          <a:bodyPr wrap="square" anchor="ctr">
            <a:noAutofit/>
          </a:bodyPr>
          <a:lstStyle>
            <a:lvl1pPr algn="ctr">
              <a:defRPr sz="1600">
                <a:solidFill>
                  <a:schemeClr val="accent1"/>
                </a:solidFill>
              </a:defRPr>
            </a:lvl1pPr>
          </a:lstStyle>
          <a:p>
            <a:pPr marL="0" marR="0" lvl="0" indent="0" algn="l" defTabSz="914400" rtl="0" eaLnBrk="1" fontAlgn="auto" latinLnBrk="0" hangingPunct="1">
              <a:lnSpc>
                <a:spcPct val="100000"/>
              </a:lnSpc>
              <a:spcBef>
                <a:spcPts val="300"/>
              </a:spcBef>
              <a:spcAft>
                <a:spcPts val="600"/>
              </a:spcAft>
              <a:buClrTx/>
              <a:buSzTx/>
              <a:buFontTx/>
              <a:buNone/>
              <a:tabLst/>
              <a:defRPr/>
            </a:pPr>
            <a:r>
              <a:rPr lang="en-US" dirty="0"/>
              <a:t>CLICK ICON TO ADD PICTURE</a:t>
            </a:r>
          </a:p>
        </p:txBody>
      </p:sp>
      <p:sp>
        <p:nvSpPr>
          <p:cNvPr id="16" name="Date Placeholder 1">
            <a:extLst>
              <a:ext uri="{FF2B5EF4-FFF2-40B4-BE49-F238E27FC236}">
                <a16:creationId xmlns:a16="http://schemas.microsoft.com/office/drawing/2014/main" id="{DE0DC4CF-2FF1-8F8C-F0C0-0F567F057FA8}"/>
              </a:ext>
            </a:extLst>
          </p:cNvPr>
          <p:cNvSpPr txBox="1">
            <a:spLocks/>
          </p:cNvSpPr>
          <p:nvPr userDrawn="1"/>
        </p:nvSpPr>
        <p:spPr>
          <a:xfrm>
            <a:off x="9668619" y="6357030"/>
            <a:ext cx="1498874" cy="180000"/>
          </a:xfrm>
          <a:prstGeom prst="rect">
            <a:avLst/>
          </a:prstGeom>
        </p:spPr>
        <p:txBody>
          <a:bodyPr/>
          <a:lstStyle>
            <a:defPPr>
              <a:defRPr lang="en-US"/>
            </a:defPPr>
            <a:lvl1pPr marL="0" algn="r" defTabSz="914400" rtl="0" eaLnBrk="1" latinLnBrk="0" hangingPunct="1">
              <a:defRPr sz="800" kern="1200">
                <a:solidFill>
                  <a:schemeClr val="bg2"/>
                </a:solidFill>
                <a:latin typeface="Consolas" panose="020B0609020204030204" pitchFamily="49" charset="0"/>
                <a:ea typeface="+mn-ea"/>
                <a:cs typeface="Consolas" panose="020B0609020204030204" pitchFamily="49"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7B4BD96D-0C74-7740-B98A-D93741BD00D8}" type="datetime1">
              <a:rPr lang="en-US" smtClean="0">
                <a:solidFill>
                  <a:schemeClr val="tx2"/>
                </a:solidFill>
              </a:rPr>
              <a:t>2/5/2024</a:t>
            </a:fld>
            <a:endParaRPr lang="en-US" dirty="0">
              <a:solidFill>
                <a:schemeClr val="tx2"/>
              </a:solidFill>
            </a:endParaRPr>
          </a:p>
        </p:txBody>
      </p:sp>
      <p:sp>
        <p:nvSpPr>
          <p:cNvPr id="17" name="Slide Number Placeholder 2">
            <a:extLst>
              <a:ext uri="{FF2B5EF4-FFF2-40B4-BE49-F238E27FC236}">
                <a16:creationId xmlns:a16="http://schemas.microsoft.com/office/drawing/2014/main" id="{34D58818-9B37-CE6F-C2CB-C865532F6FAF}"/>
              </a:ext>
            </a:extLst>
          </p:cNvPr>
          <p:cNvSpPr txBox="1">
            <a:spLocks/>
          </p:cNvSpPr>
          <p:nvPr userDrawn="1"/>
        </p:nvSpPr>
        <p:spPr>
          <a:xfrm>
            <a:off x="11387412" y="6358155"/>
            <a:ext cx="447400" cy="178736"/>
          </a:xfrm>
          <a:prstGeom prst="rect">
            <a:avLst/>
          </a:prstGeom>
        </p:spPr>
        <p:txBody>
          <a:bodyPr/>
          <a:lstStyle>
            <a:defPPr>
              <a:defRPr lang="en-US"/>
            </a:defPPr>
            <a:lvl1pPr marL="0" algn="r" defTabSz="914400" rtl="0" eaLnBrk="1" latinLnBrk="0" hangingPunct="1">
              <a:defRPr sz="800" kern="1200">
                <a:solidFill>
                  <a:schemeClr val="bg2"/>
                </a:solidFill>
                <a:latin typeface="Consolas" panose="020B0609020204030204" pitchFamily="49" charset="0"/>
                <a:ea typeface="+mn-ea"/>
                <a:cs typeface="Consolas" panose="020B0609020204030204" pitchFamily="49"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US" smtClean="0">
                <a:solidFill>
                  <a:schemeClr val="tx2"/>
                </a:solidFill>
              </a:rPr>
              <a:pPr/>
              <a:t>‹#›</a:t>
            </a:fld>
            <a:endParaRPr lang="en-US" dirty="0">
              <a:solidFill>
                <a:schemeClr val="tx2"/>
              </a:solidFill>
            </a:endParaRPr>
          </a:p>
        </p:txBody>
      </p:sp>
    </p:spTree>
    <p:extLst>
      <p:ext uri="{BB962C8B-B14F-4D97-AF65-F5344CB8AC3E}">
        <p14:creationId xmlns:p14="http://schemas.microsoft.com/office/powerpoint/2010/main" val="109680041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 Cover">
    <p:bg>
      <p:bgPr>
        <a:solidFill>
          <a:schemeClr val="bg2"/>
        </a:solidFill>
        <a:effectLst/>
      </p:bgPr>
    </p:bg>
    <p:spTree>
      <p:nvGrpSpPr>
        <p:cNvPr id="1" name=""/>
        <p:cNvGrpSpPr/>
        <p:nvPr/>
      </p:nvGrpSpPr>
      <p:grpSpPr>
        <a:xfrm>
          <a:off x="0" y="0"/>
          <a:ext cx="0" cy="0"/>
          <a:chOff x="0" y="0"/>
          <a:chExt cx="0" cy="0"/>
        </a:xfrm>
      </p:grpSpPr>
      <p:sp>
        <p:nvSpPr>
          <p:cNvPr id="14" name="text" descr="{&quot;templafy&quot;:{&quot;id&quot;:&quot;21dab0f6-09e7-4d8b-96ec-1e4483831f4c&quot;}}" title="Form.Cigna_Confidentiality.Cigna_confidentiality">
            <a:extLst>
              <a:ext uri="{FF2B5EF4-FFF2-40B4-BE49-F238E27FC236}">
                <a16:creationId xmlns:a16="http://schemas.microsoft.com/office/drawing/2014/main" id="{33DE994C-DD83-4221-8AE6-32F741593504}"/>
              </a:ext>
            </a:extLst>
          </p:cNvPr>
          <p:cNvSpPr/>
          <p:nvPr userDrawn="1"/>
        </p:nvSpPr>
        <p:spPr>
          <a:xfrm>
            <a:off x="2303463" y="6581640"/>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sp>
        <p:nvSpPr>
          <p:cNvPr id="9" name="Rectangle 8">
            <a:extLst>
              <a:ext uri="{FF2B5EF4-FFF2-40B4-BE49-F238E27FC236}">
                <a16:creationId xmlns:a16="http://schemas.microsoft.com/office/drawing/2014/main" id="{07A683FC-2D00-4CFF-DE1E-BA309F6A8530}"/>
              </a:ext>
            </a:extLst>
          </p:cNvPr>
          <p:cNvSpPr/>
          <p:nvPr userDrawn="1"/>
        </p:nvSpPr>
        <p:spPr>
          <a:xfrm>
            <a:off x="0" y="0"/>
            <a:ext cx="6186488"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 name="Slide Number Placeholder 7">
            <a:extLst>
              <a:ext uri="{FF2B5EF4-FFF2-40B4-BE49-F238E27FC236}">
                <a16:creationId xmlns:a16="http://schemas.microsoft.com/office/drawing/2014/main" id="{25C15819-19A5-F77E-E333-E5971E7DAE70}"/>
              </a:ext>
            </a:extLst>
          </p:cNvPr>
          <p:cNvSpPr>
            <a:spLocks noGrp="1"/>
          </p:cNvSpPr>
          <p:nvPr>
            <p:ph type="sldNum" sz="quarter" idx="18"/>
          </p:nvPr>
        </p:nvSpPr>
        <p:spPr>
          <a:xfrm>
            <a:off x="11387412" y="6345455"/>
            <a:ext cx="447400" cy="178736"/>
          </a:xfrm>
          <a:prstGeom prst="rect">
            <a:avLst/>
          </a:prstGeom>
        </p:spPr>
        <p:txBody>
          <a:bodyPr/>
          <a:lstStyle>
            <a:lvl1pPr>
              <a:defRPr>
                <a:solidFill>
                  <a:schemeClr val="bg2"/>
                </a:solidFill>
              </a:defRPr>
            </a:lvl1pPr>
          </a:lstStyle>
          <a:p>
            <a:fld id="{23AA811B-2EBD-4900-905E-5BE206449611}" type="slidenum">
              <a:rPr lang="en-US" smtClean="0"/>
              <a:pPr/>
              <a:t>‹#›</a:t>
            </a:fld>
            <a:endParaRPr lang="en-US" dirty="0"/>
          </a:p>
        </p:txBody>
      </p:sp>
      <p:sp>
        <p:nvSpPr>
          <p:cNvPr id="16" name="Date Placeholder 15">
            <a:extLst>
              <a:ext uri="{FF2B5EF4-FFF2-40B4-BE49-F238E27FC236}">
                <a16:creationId xmlns:a16="http://schemas.microsoft.com/office/drawing/2014/main" id="{445E54F7-DDC1-ED4E-B020-74E90588AF70}"/>
              </a:ext>
            </a:extLst>
          </p:cNvPr>
          <p:cNvSpPr>
            <a:spLocks noGrp="1"/>
          </p:cNvSpPr>
          <p:nvPr>
            <p:ph type="dt" sz="half" idx="19"/>
          </p:nvPr>
        </p:nvSpPr>
        <p:spPr>
          <a:xfrm>
            <a:off x="9537426" y="6357030"/>
            <a:ext cx="1498874" cy="180000"/>
          </a:xfrm>
          <a:prstGeom prst="rect">
            <a:avLst/>
          </a:prstGeom>
        </p:spPr>
        <p:txBody>
          <a:bodyPr/>
          <a:lstStyle>
            <a:lvl1pPr>
              <a:defRPr>
                <a:solidFill>
                  <a:schemeClr val="bg2"/>
                </a:solidFill>
              </a:defRPr>
            </a:lvl1pPr>
          </a:lstStyle>
          <a:p>
            <a:fld id="{B98432DA-51DA-834C-9E99-28EF4CBD54D4}" type="datetime1">
              <a:rPr lang="en-US" smtClean="0"/>
              <a:t>2/5/2024</a:t>
            </a:fld>
            <a:endParaRPr lang="en-US" dirty="0"/>
          </a:p>
        </p:txBody>
      </p:sp>
      <p:sp>
        <p:nvSpPr>
          <p:cNvPr id="3" name="Picture Placeholder 2">
            <a:extLst>
              <a:ext uri="{FF2B5EF4-FFF2-40B4-BE49-F238E27FC236}">
                <a16:creationId xmlns:a16="http://schemas.microsoft.com/office/drawing/2014/main" id="{12955CB4-E9B0-E5E3-B11D-5500F41FB777}"/>
              </a:ext>
            </a:extLst>
          </p:cNvPr>
          <p:cNvSpPr>
            <a:spLocks noGrp="1"/>
          </p:cNvSpPr>
          <p:nvPr>
            <p:ph type="pic" sz="quarter" idx="20" hasCustomPrompt="1"/>
          </p:nvPr>
        </p:nvSpPr>
        <p:spPr>
          <a:xfrm>
            <a:off x="6186488" y="0"/>
            <a:ext cx="6005512" cy="6858000"/>
          </a:xfrm>
          <a:solidFill>
            <a:schemeClr val="accent4"/>
          </a:solidFill>
        </p:spPr>
        <p:txBody>
          <a:bodyPr anchor="ctr"/>
          <a:lstStyle>
            <a:lvl1pPr marL="0" indent="0" algn="ctr">
              <a:buNone/>
              <a:defRPr sz="1600">
                <a:solidFill>
                  <a:schemeClr val="bg1"/>
                </a:solidFill>
              </a:defRPr>
            </a:lvl1pPr>
          </a:lstStyle>
          <a:p>
            <a:r>
              <a:rPr lang="en-US" dirty="0"/>
              <a:t>CLICK ICON TO ADD PICTURE</a:t>
            </a:r>
          </a:p>
        </p:txBody>
      </p:sp>
      <p:sp>
        <p:nvSpPr>
          <p:cNvPr id="2" name="Title 1">
            <a:extLst>
              <a:ext uri="{FF2B5EF4-FFF2-40B4-BE49-F238E27FC236}">
                <a16:creationId xmlns:a16="http://schemas.microsoft.com/office/drawing/2014/main" id="{B67F9B9C-5327-7D9D-1089-CEC24E0558C5}"/>
              </a:ext>
            </a:extLst>
          </p:cNvPr>
          <p:cNvSpPr>
            <a:spLocks noGrp="1"/>
          </p:cNvSpPr>
          <p:nvPr>
            <p:ph type="ctrTitle" hasCustomPrompt="1"/>
          </p:nvPr>
        </p:nvSpPr>
        <p:spPr>
          <a:xfrm>
            <a:off x="360000" y="1145149"/>
            <a:ext cx="5645513" cy="1820862"/>
          </a:xfrm>
          <a:noFill/>
        </p:spPr>
        <p:txBody>
          <a:bodyPr anchor="b" anchorCtr="0"/>
          <a:lstStyle>
            <a:lvl1pPr algn="l">
              <a:lnSpc>
                <a:spcPct val="95000"/>
              </a:lnSpc>
              <a:defRPr sz="5000" b="1">
                <a:solidFill>
                  <a:schemeClr val="accent3"/>
                </a:solidFill>
              </a:defRPr>
            </a:lvl1pPr>
          </a:lstStyle>
          <a:p>
            <a:r>
              <a:rPr lang="en-US" dirty="0"/>
              <a:t>Click to add title</a:t>
            </a:r>
          </a:p>
        </p:txBody>
      </p:sp>
      <p:sp>
        <p:nvSpPr>
          <p:cNvPr id="4" name="Text Placeholder 4">
            <a:extLst>
              <a:ext uri="{FF2B5EF4-FFF2-40B4-BE49-F238E27FC236}">
                <a16:creationId xmlns:a16="http://schemas.microsoft.com/office/drawing/2014/main" id="{D625CDCE-CBC3-CD3C-B122-8E997F20D4B2}"/>
              </a:ext>
            </a:extLst>
          </p:cNvPr>
          <p:cNvSpPr>
            <a:spLocks noGrp="1"/>
          </p:cNvSpPr>
          <p:nvPr>
            <p:ph type="body" sz="quarter" idx="13" hasCustomPrompt="1"/>
          </p:nvPr>
        </p:nvSpPr>
        <p:spPr>
          <a:xfrm>
            <a:off x="357188" y="3069922"/>
            <a:ext cx="5645513" cy="2439264"/>
          </a:xfrm>
        </p:spPr>
        <p:txBody>
          <a:bodyPr/>
          <a:lstStyle>
            <a:lvl1pPr marL="0" indent="0">
              <a:lnSpc>
                <a:spcPct val="95000"/>
              </a:lnSpc>
              <a:buNone/>
              <a:defRPr sz="2200">
                <a:solidFill>
                  <a:schemeClr val="accent3"/>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p>
        </p:txBody>
      </p:sp>
      <p:pic>
        <p:nvPicPr>
          <p:cNvPr id="10" name="Graphic 9">
            <a:extLst>
              <a:ext uri="{FF2B5EF4-FFF2-40B4-BE49-F238E27FC236}">
                <a16:creationId xmlns:a16="http://schemas.microsoft.com/office/drawing/2014/main" id="{62F496BB-A694-D837-3F4F-542697EB1E31}"/>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
        <p:nvSpPr>
          <p:cNvPr id="11" name="text" descr="{&quot;templafy&quot;:{&quot;id&quot;:&quot;4dd46786-6585-4b25-b66e-c75e4e81da7d&quot;}}" title="Form.Cigna_Confidentiality.EvernorthConfidentiality">
            <a:extLst>
              <a:ext uri="{FF2B5EF4-FFF2-40B4-BE49-F238E27FC236}">
                <a16:creationId xmlns:a16="http://schemas.microsoft.com/office/drawing/2014/main" id="{BCC45EA6-9D00-77C2-A4A3-C69348BCAD82}"/>
              </a:ext>
            </a:extLst>
          </p:cNvPr>
          <p:cNvSpPr/>
          <p:nvPr userDrawn="1"/>
        </p:nvSpPr>
        <p:spPr>
          <a:xfrm>
            <a:off x="2797995" y="6335818"/>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accent3"/>
                </a:solidFill>
                <a:effectLst/>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
        <p:nvSpPr>
          <p:cNvPr id="12" name="Date Placeholder 4">
            <a:extLst>
              <a:ext uri="{FF2B5EF4-FFF2-40B4-BE49-F238E27FC236}">
                <a16:creationId xmlns:a16="http://schemas.microsoft.com/office/drawing/2014/main" id="{A10586DE-83E6-8DAD-177A-C80DAF95A193}"/>
              </a:ext>
            </a:extLst>
          </p:cNvPr>
          <p:cNvSpPr txBox="1">
            <a:spLocks/>
          </p:cNvSpPr>
          <p:nvPr userDrawn="1"/>
        </p:nvSpPr>
        <p:spPr>
          <a:xfrm>
            <a:off x="9668619" y="6357030"/>
            <a:ext cx="1498874" cy="180000"/>
          </a:xfrm>
          <a:prstGeom prst="rect">
            <a:avLst/>
          </a:prstGeom>
        </p:spPr>
        <p:txBody>
          <a:bodyPr/>
          <a:lstStyle>
            <a:defPPr>
              <a:defRPr lang="en-US"/>
            </a:defPPr>
            <a:lvl1pPr marL="0" algn="r" defTabSz="914400" rtl="0" eaLnBrk="1" latinLnBrk="0" hangingPunct="1">
              <a:defRPr sz="800" kern="1200">
                <a:solidFill>
                  <a:schemeClr val="bg2"/>
                </a:solidFill>
                <a:latin typeface="Consolas" panose="020B0609020204030204" pitchFamily="49" charset="0"/>
                <a:ea typeface="+mn-ea"/>
                <a:cs typeface="Consolas" panose="020B0609020204030204" pitchFamily="49"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D8525886-488D-CC4B-AA59-6C0B0A393B43}" type="datetime1">
              <a:rPr lang="en-US" smtClean="0"/>
              <a:pPr/>
              <a:t>2/5/2024</a:t>
            </a:fld>
            <a:endParaRPr lang="en-US" dirty="0"/>
          </a:p>
        </p:txBody>
      </p:sp>
      <p:sp>
        <p:nvSpPr>
          <p:cNvPr id="13" name="Slide Number Placeholder 12">
            <a:extLst>
              <a:ext uri="{FF2B5EF4-FFF2-40B4-BE49-F238E27FC236}">
                <a16:creationId xmlns:a16="http://schemas.microsoft.com/office/drawing/2014/main" id="{7DAC0FD0-8361-2283-4A56-B33532B4CDC7}"/>
              </a:ext>
            </a:extLst>
          </p:cNvPr>
          <p:cNvSpPr txBox="1">
            <a:spLocks/>
          </p:cNvSpPr>
          <p:nvPr userDrawn="1"/>
        </p:nvSpPr>
        <p:spPr>
          <a:xfrm>
            <a:off x="11387412" y="6358155"/>
            <a:ext cx="447400" cy="178736"/>
          </a:xfrm>
          <a:prstGeom prst="rect">
            <a:avLst/>
          </a:prstGeom>
        </p:spPr>
        <p:txBody>
          <a:bodyPr/>
          <a:lstStyle>
            <a:defPPr>
              <a:defRPr lang="en-US"/>
            </a:defPPr>
            <a:lvl1pPr marL="0" algn="r" defTabSz="914400" rtl="0" eaLnBrk="1" latinLnBrk="0" hangingPunct="1">
              <a:defRPr sz="800" kern="1200">
                <a:solidFill>
                  <a:schemeClr val="bg2"/>
                </a:solidFill>
                <a:latin typeface="Consolas" panose="020B0609020204030204" pitchFamily="49" charset="0"/>
                <a:ea typeface="+mn-ea"/>
                <a:cs typeface="Consolas" panose="020B0609020204030204" pitchFamily="49"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8770296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K. Imag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204CFEDC-F0E3-A1D9-C648-F98E7FD8F268}"/>
              </a:ext>
            </a:extLst>
          </p:cNvPr>
          <p:cNvSpPr/>
          <p:nvPr userDrawn="1"/>
        </p:nvSpPr>
        <p:spPr>
          <a:xfrm>
            <a:off x="430925" y="1660632"/>
            <a:ext cx="3478923" cy="417260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 name="Rectangle 8">
            <a:extLst>
              <a:ext uri="{FF2B5EF4-FFF2-40B4-BE49-F238E27FC236}">
                <a16:creationId xmlns:a16="http://schemas.microsoft.com/office/drawing/2014/main" id="{8324573B-341E-9878-C125-D393039F6F21}"/>
              </a:ext>
            </a:extLst>
          </p:cNvPr>
          <p:cNvSpPr/>
          <p:nvPr userDrawn="1"/>
        </p:nvSpPr>
        <p:spPr>
          <a:xfrm>
            <a:off x="4393324" y="1660634"/>
            <a:ext cx="3405352" cy="417260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a:extLst>
              <a:ext uri="{FF2B5EF4-FFF2-40B4-BE49-F238E27FC236}">
                <a16:creationId xmlns:a16="http://schemas.microsoft.com/office/drawing/2014/main" id="{7CD17B26-FF6B-1C0D-89DA-466F228C02F6}"/>
              </a:ext>
            </a:extLst>
          </p:cNvPr>
          <p:cNvSpPr/>
          <p:nvPr userDrawn="1"/>
        </p:nvSpPr>
        <p:spPr>
          <a:xfrm>
            <a:off x="8271640" y="1660633"/>
            <a:ext cx="3489435" cy="417260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Picture Placeholder 17">
            <a:extLst>
              <a:ext uri="{FF2B5EF4-FFF2-40B4-BE49-F238E27FC236}">
                <a16:creationId xmlns:a16="http://schemas.microsoft.com/office/drawing/2014/main" id="{FC3D31B6-3B20-0683-7FB6-5657CB6B3805}"/>
              </a:ext>
            </a:extLst>
          </p:cNvPr>
          <p:cNvSpPr>
            <a:spLocks noGrp="1"/>
          </p:cNvSpPr>
          <p:nvPr>
            <p:ph type="pic" sz="quarter" idx="10" hasCustomPrompt="1"/>
          </p:nvPr>
        </p:nvSpPr>
        <p:spPr>
          <a:xfrm>
            <a:off x="357189" y="1557339"/>
            <a:ext cx="3706811" cy="4397476"/>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marL="0" indent="0" algn="ctr">
              <a:buNone/>
              <a:defRPr sz="1600">
                <a:solidFill>
                  <a:schemeClr val="bg2"/>
                </a:solidFill>
              </a:defRPr>
            </a:lvl1pPr>
          </a:lstStyle>
          <a:p>
            <a:br>
              <a:rPr lang="en-US" dirty="0"/>
            </a:br>
            <a:br>
              <a:rPr lang="en-US" dirty="0"/>
            </a:br>
            <a:r>
              <a:rPr lang="en-US" dirty="0"/>
              <a:t>CLICK ICON TO ADD PICTURE</a:t>
            </a:r>
          </a:p>
        </p:txBody>
      </p:sp>
      <p:sp>
        <p:nvSpPr>
          <p:cNvPr id="11" name="Picture Placeholder 17">
            <a:extLst>
              <a:ext uri="{FF2B5EF4-FFF2-40B4-BE49-F238E27FC236}">
                <a16:creationId xmlns:a16="http://schemas.microsoft.com/office/drawing/2014/main" id="{04BCAEB3-F769-4859-0D2F-4C691DB9F5DD}"/>
              </a:ext>
            </a:extLst>
          </p:cNvPr>
          <p:cNvSpPr>
            <a:spLocks noGrp="1"/>
          </p:cNvSpPr>
          <p:nvPr>
            <p:ph type="pic" sz="quarter" idx="19" hasCustomPrompt="1"/>
          </p:nvPr>
        </p:nvSpPr>
        <p:spPr>
          <a:xfrm>
            <a:off x="4243388" y="1557338"/>
            <a:ext cx="3703637" cy="4387597"/>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marL="0" indent="0" algn="ctr">
              <a:buNone/>
              <a:defRPr sz="1600">
                <a:solidFill>
                  <a:schemeClr val="bg2"/>
                </a:solidFill>
              </a:defRPr>
            </a:lvl1pPr>
          </a:lstStyle>
          <a:p>
            <a:br>
              <a:rPr lang="en-US" dirty="0"/>
            </a:br>
            <a:br>
              <a:rPr lang="en-US" dirty="0"/>
            </a:br>
            <a:r>
              <a:rPr lang="en-US" dirty="0"/>
              <a:t>CLICK ICON TO ADD PICTURE</a:t>
            </a:r>
          </a:p>
        </p:txBody>
      </p:sp>
      <p:sp>
        <p:nvSpPr>
          <p:cNvPr id="13" name="Picture Placeholder 17">
            <a:extLst>
              <a:ext uri="{FF2B5EF4-FFF2-40B4-BE49-F238E27FC236}">
                <a16:creationId xmlns:a16="http://schemas.microsoft.com/office/drawing/2014/main" id="{9A24F4A1-CC1D-F314-01FF-8BC02ECDAEE9}"/>
              </a:ext>
            </a:extLst>
          </p:cNvPr>
          <p:cNvSpPr>
            <a:spLocks noGrp="1"/>
          </p:cNvSpPr>
          <p:nvPr>
            <p:ph type="pic" sz="quarter" idx="20" hasCustomPrompt="1"/>
          </p:nvPr>
        </p:nvSpPr>
        <p:spPr>
          <a:xfrm>
            <a:off x="8128000" y="1557338"/>
            <a:ext cx="3706811" cy="4387597"/>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marL="0" indent="0" algn="ctr">
              <a:buNone/>
              <a:defRPr sz="1600">
                <a:solidFill>
                  <a:schemeClr val="bg2"/>
                </a:solidFill>
              </a:defRPr>
            </a:lvl1pPr>
          </a:lstStyle>
          <a:p>
            <a:br>
              <a:rPr lang="en-US" dirty="0"/>
            </a:br>
            <a:br>
              <a:rPr lang="en-US" dirty="0"/>
            </a:br>
            <a:r>
              <a:rPr lang="en-US" dirty="0"/>
              <a:t>CLICK ICON TO ADD PICTURE</a:t>
            </a: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4D0725E8-A0BC-CD4F-84F2-BFDDBED41ACE}"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7" name="Title 6">
            <a:extLst>
              <a:ext uri="{FF2B5EF4-FFF2-40B4-BE49-F238E27FC236}">
                <a16:creationId xmlns:a16="http://schemas.microsoft.com/office/drawing/2014/main" id="{0916F33A-068A-53CD-B38C-1D61A36460BB}"/>
              </a:ext>
            </a:extLst>
          </p:cNvPr>
          <p:cNvSpPr>
            <a:spLocks noGrp="1"/>
          </p:cNvSpPr>
          <p:nvPr>
            <p:ph type="title"/>
          </p:nvPr>
        </p:nvSpPr>
        <p:spPr>
          <a:xfrm>
            <a:off x="365760" y="326553"/>
            <a:ext cx="7589836" cy="1047306"/>
          </a:xfrm>
        </p:spPr>
        <p:txBody>
          <a:bodyPr/>
          <a:lstStyle/>
          <a:p>
            <a:r>
              <a:rPr lang="en-US"/>
              <a:t>Click to edit Master title style</a:t>
            </a:r>
          </a:p>
        </p:txBody>
      </p:sp>
    </p:spTree>
    <p:extLst>
      <p:ext uri="{BB962C8B-B14F-4D97-AF65-F5344CB8AC3E}">
        <p14:creationId xmlns:p14="http://schemas.microsoft.com/office/powerpoint/2010/main" val="7260307"/>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K. eyebrow_Image">
    <p:spTree>
      <p:nvGrpSpPr>
        <p:cNvPr id="1" name=""/>
        <p:cNvGrpSpPr/>
        <p:nvPr/>
      </p:nvGrpSpPr>
      <p:grpSpPr>
        <a:xfrm>
          <a:off x="0" y="0"/>
          <a:ext cx="0" cy="0"/>
          <a:chOff x="0" y="0"/>
          <a:chExt cx="0" cy="0"/>
        </a:xfrm>
      </p:grpSpPr>
      <p:sp>
        <p:nvSpPr>
          <p:cNvPr id="4" name="Picture Placeholder 17">
            <a:extLst>
              <a:ext uri="{FF2B5EF4-FFF2-40B4-BE49-F238E27FC236}">
                <a16:creationId xmlns:a16="http://schemas.microsoft.com/office/drawing/2014/main" id="{FC3D31B6-3B20-0683-7FB6-5657CB6B3805}"/>
              </a:ext>
            </a:extLst>
          </p:cNvPr>
          <p:cNvSpPr>
            <a:spLocks noGrp="1"/>
          </p:cNvSpPr>
          <p:nvPr>
            <p:ph type="pic" sz="quarter" idx="10" hasCustomPrompt="1"/>
          </p:nvPr>
        </p:nvSpPr>
        <p:spPr>
          <a:xfrm>
            <a:off x="357189" y="1557339"/>
            <a:ext cx="3706811" cy="4397476"/>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marL="0" indent="0" algn="ctr">
              <a:buNone/>
              <a:defRPr sz="1600">
                <a:solidFill>
                  <a:schemeClr val="bg2"/>
                </a:solidFill>
              </a:defRPr>
            </a:lvl1pPr>
          </a:lstStyle>
          <a:p>
            <a:br>
              <a:rPr lang="en-US" dirty="0"/>
            </a:br>
            <a:br>
              <a:rPr lang="en-US" dirty="0"/>
            </a:br>
            <a:r>
              <a:rPr lang="en-US" dirty="0"/>
              <a:t>CLICK ICON TO ADD PICTURE</a:t>
            </a:r>
          </a:p>
        </p:txBody>
      </p:sp>
      <p:sp>
        <p:nvSpPr>
          <p:cNvPr id="11" name="Picture Placeholder 17">
            <a:extLst>
              <a:ext uri="{FF2B5EF4-FFF2-40B4-BE49-F238E27FC236}">
                <a16:creationId xmlns:a16="http://schemas.microsoft.com/office/drawing/2014/main" id="{04BCAEB3-F769-4859-0D2F-4C691DB9F5DD}"/>
              </a:ext>
            </a:extLst>
          </p:cNvPr>
          <p:cNvSpPr>
            <a:spLocks noGrp="1"/>
          </p:cNvSpPr>
          <p:nvPr>
            <p:ph type="pic" sz="quarter" idx="19" hasCustomPrompt="1"/>
          </p:nvPr>
        </p:nvSpPr>
        <p:spPr>
          <a:xfrm>
            <a:off x="4243388" y="1557338"/>
            <a:ext cx="3703637" cy="4387597"/>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marL="0" indent="0" algn="ctr">
              <a:buNone/>
              <a:defRPr sz="1600">
                <a:solidFill>
                  <a:schemeClr val="bg2"/>
                </a:solidFill>
              </a:defRPr>
            </a:lvl1pPr>
          </a:lstStyle>
          <a:p>
            <a:br>
              <a:rPr lang="en-US" dirty="0"/>
            </a:br>
            <a:br>
              <a:rPr lang="en-US" dirty="0"/>
            </a:br>
            <a:r>
              <a:rPr lang="en-US" dirty="0"/>
              <a:t>CLICK ICON TO ADD PICTURE</a:t>
            </a:r>
          </a:p>
        </p:txBody>
      </p:sp>
      <p:sp>
        <p:nvSpPr>
          <p:cNvPr id="13" name="Picture Placeholder 17">
            <a:extLst>
              <a:ext uri="{FF2B5EF4-FFF2-40B4-BE49-F238E27FC236}">
                <a16:creationId xmlns:a16="http://schemas.microsoft.com/office/drawing/2014/main" id="{9A24F4A1-CC1D-F314-01FF-8BC02ECDAEE9}"/>
              </a:ext>
            </a:extLst>
          </p:cNvPr>
          <p:cNvSpPr>
            <a:spLocks noGrp="1"/>
          </p:cNvSpPr>
          <p:nvPr>
            <p:ph type="pic" sz="quarter" idx="20" hasCustomPrompt="1"/>
          </p:nvPr>
        </p:nvSpPr>
        <p:spPr>
          <a:xfrm>
            <a:off x="8128000" y="1557338"/>
            <a:ext cx="3706811" cy="4387597"/>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marL="0" indent="0" algn="ctr">
              <a:buNone/>
              <a:defRPr sz="1600">
                <a:solidFill>
                  <a:schemeClr val="bg2"/>
                </a:solidFill>
              </a:defRPr>
            </a:lvl1pPr>
          </a:lstStyle>
          <a:p>
            <a:br>
              <a:rPr lang="en-US" dirty="0"/>
            </a:br>
            <a:br>
              <a:rPr lang="en-US" dirty="0"/>
            </a:br>
            <a:r>
              <a:rPr lang="en-US" dirty="0"/>
              <a:t>CLICK ICON TO ADD PICTURE</a:t>
            </a: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4D0725E8-A0BC-CD4F-84F2-BFDDBED41ACE}"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6" name="Title 6">
            <a:extLst>
              <a:ext uri="{FF2B5EF4-FFF2-40B4-BE49-F238E27FC236}">
                <a16:creationId xmlns:a16="http://schemas.microsoft.com/office/drawing/2014/main" id="{74966A46-C4DE-D269-C872-066208008A76}"/>
              </a:ext>
            </a:extLst>
          </p:cNvPr>
          <p:cNvSpPr>
            <a:spLocks noGrp="1"/>
          </p:cNvSpPr>
          <p:nvPr>
            <p:ph type="title"/>
          </p:nvPr>
        </p:nvSpPr>
        <p:spPr>
          <a:xfrm>
            <a:off x="365760" y="493241"/>
            <a:ext cx="7589836" cy="918718"/>
          </a:xfrm>
        </p:spPr>
        <p:txBody>
          <a:bodyPr/>
          <a:lstStyle>
            <a:lvl1pPr>
              <a:defRPr b="1"/>
            </a:lvl1pPr>
          </a:lstStyle>
          <a:p>
            <a:r>
              <a:rPr lang="en-US" dirty="0"/>
              <a:t>Click to edit Master title style</a:t>
            </a:r>
          </a:p>
        </p:txBody>
      </p:sp>
      <p:sp>
        <p:nvSpPr>
          <p:cNvPr id="8" name="Text Placeholder 4">
            <a:extLst>
              <a:ext uri="{FF2B5EF4-FFF2-40B4-BE49-F238E27FC236}">
                <a16:creationId xmlns:a16="http://schemas.microsoft.com/office/drawing/2014/main" id="{C182FE87-1D2C-6566-645F-F733FD705E62}"/>
              </a:ext>
            </a:extLst>
          </p:cNvPr>
          <p:cNvSpPr>
            <a:spLocks noGrp="1"/>
          </p:cNvSpPr>
          <p:nvPr>
            <p:ph type="body" sz="quarter" idx="17" hasCustomPrompt="1"/>
          </p:nvPr>
        </p:nvSpPr>
        <p:spPr>
          <a:xfrm>
            <a:off x="367219" y="286838"/>
            <a:ext cx="5644961" cy="159159"/>
          </a:xfrm>
        </p:spPr>
        <p:txBody>
          <a:bodyPr/>
          <a:lstStyle>
            <a:lvl1pPr marL="0" indent="0">
              <a:buNone/>
              <a:defRPr sz="1300" cap="all" baseline="0">
                <a:solidFill>
                  <a:schemeClr val="accent3"/>
                </a:solidFill>
                <a:latin typeface="Consolas" panose="020B0609020204030204" pitchFamily="49" charset="0"/>
              </a:defRPr>
            </a:lvl1pPr>
          </a:lstStyle>
          <a:p>
            <a:pPr lvl="0"/>
            <a:r>
              <a:rPr lang="da-DK" dirty="0"/>
              <a:t>Click to add title</a:t>
            </a:r>
          </a:p>
        </p:txBody>
      </p:sp>
    </p:spTree>
    <p:extLst>
      <p:ext uri="{BB962C8B-B14F-4D97-AF65-F5344CB8AC3E}">
        <p14:creationId xmlns:p14="http://schemas.microsoft.com/office/powerpoint/2010/main" val="3953341470"/>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L. Image">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1B03DE2C-A88D-5944-BF29-DB8CA1C51C75}"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9" name="Title 8">
            <a:extLst>
              <a:ext uri="{FF2B5EF4-FFF2-40B4-BE49-F238E27FC236}">
                <a16:creationId xmlns:a16="http://schemas.microsoft.com/office/drawing/2014/main" id="{33D44A94-257F-F32B-FF93-20BC7BBEE515}"/>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
        <p:nvSpPr>
          <p:cNvPr id="8" name="Picture Placeholder 17">
            <a:extLst>
              <a:ext uri="{FF2B5EF4-FFF2-40B4-BE49-F238E27FC236}">
                <a16:creationId xmlns:a16="http://schemas.microsoft.com/office/drawing/2014/main" id="{42C28312-FDB8-6381-145B-3D412271D385}"/>
              </a:ext>
            </a:extLst>
          </p:cNvPr>
          <p:cNvSpPr>
            <a:spLocks noGrp="1"/>
          </p:cNvSpPr>
          <p:nvPr>
            <p:ph type="pic" sz="quarter" idx="10" hasCustomPrompt="1"/>
          </p:nvPr>
        </p:nvSpPr>
        <p:spPr>
          <a:xfrm>
            <a:off x="357189" y="1557338"/>
            <a:ext cx="3706811" cy="4385647"/>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bg2"/>
          </a:solidFill>
        </p:spPr>
        <p:txBody>
          <a:bodyPr wrap="square">
            <a:noAutofit/>
          </a:bodyPr>
          <a:lstStyle>
            <a:lvl1pPr marL="0" indent="0" algn="ctr">
              <a:buNone/>
              <a:defRPr sz="1600">
                <a:solidFill>
                  <a:schemeClr val="tx2"/>
                </a:solidFill>
              </a:defRPr>
            </a:lvl1pPr>
          </a:lstStyle>
          <a:p>
            <a:br>
              <a:rPr lang="en-US" dirty="0"/>
            </a:br>
            <a:br>
              <a:rPr lang="en-US" dirty="0"/>
            </a:br>
            <a:r>
              <a:rPr lang="en-US" dirty="0"/>
              <a:t>CLICK ICON TO ADD PICTURE</a:t>
            </a:r>
          </a:p>
        </p:txBody>
      </p:sp>
      <p:sp>
        <p:nvSpPr>
          <p:cNvPr id="11" name="Picture Placeholder 17">
            <a:extLst>
              <a:ext uri="{FF2B5EF4-FFF2-40B4-BE49-F238E27FC236}">
                <a16:creationId xmlns:a16="http://schemas.microsoft.com/office/drawing/2014/main" id="{A8FC2D79-FF22-3115-272E-018C2824BC34}"/>
              </a:ext>
            </a:extLst>
          </p:cNvPr>
          <p:cNvSpPr>
            <a:spLocks noGrp="1"/>
          </p:cNvSpPr>
          <p:nvPr>
            <p:ph type="pic" sz="quarter" idx="20" hasCustomPrompt="1"/>
          </p:nvPr>
        </p:nvSpPr>
        <p:spPr>
          <a:xfrm>
            <a:off x="8128000" y="1557338"/>
            <a:ext cx="3706811" cy="4385648"/>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bg2"/>
          </a:solidFill>
        </p:spPr>
        <p:txBody>
          <a:bodyPr wrap="square">
            <a:noAutofit/>
          </a:bodyPr>
          <a:lstStyle>
            <a:lvl1pPr marL="0" indent="0" algn="ctr">
              <a:buNone/>
              <a:defRPr sz="1600">
                <a:solidFill>
                  <a:schemeClr val="tx2"/>
                </a:solidFill>
              </a:defRPr>
            </a:lvl1pPr>
          </a:lstStyle>
          <a:p>
            <a:br>
              <a:rPr lang="en-US" dirty="0"/>
            </a:br>
            <a:br>
              <a:rPr lang="en-US" dirty="0"/>
            </a:br>
            <a:r>
              <a:rPr lang="en-US" dirty="0"/>
              <a:t>CLICK ICON TO ADD PICTURE</a:t>
            </a:r>
          </a:p>
        </p:txBody>
      </p:sp>
      <p:sp>
        <p:nvSpPr>
          <p:cNvPr id="12" name="Picture Placeholder 19">
            <a:extLst>
              <a:ext uri="{FF2B5EF4-FFF2-40B4-BE49-F238E27FC236}">
                <a16:creationId xmlns:a16="http://schemas.microsoft.com/office/drawing/2014/main" id="{7D00FB71-B8AE-6EB7-86FB-2B70AF85141D}"/>
              </a:ext>
            </a:extLst>
          </p:cNvPr>
          <p:cNvSpPr>
            <a:spLocks noGrp="1"/>
          </p:cNvSpPr>
          <p:nvPr>
            <p:ph type="pic" sz="quarter" idx="21" hasCustomPrompt="1"/>
          </p:nvPr>
        </p:nvSpPr>
        <p:spPr>
          <a:xfrm>
            <a:off x="4243387" y="1557337"/>
            <a:ext cx="3703637" cy="2061629"/>
          </a:xfrm>
          <a:custGeom>
            <a:avLst/>
            <a:gdLst>
              <a:gd name="connsiteX0" fmla="*/ 3357546 w 3679154"/>
              <a:gd name="connsiteY0" fmla="*/ 1681383 h 2070548"/>
              <a:gd name="connsiteX1" fmla="*/ 3357546 w 3679154"/>
              <a:gd name="connsiteY1" fmla="*/ 1750970 h 2070548"/>
              <a:gd name="connsiteX2" fmla="*/ 3285993 w 3679154"/>
              <a:gd name="connsiteY2" fmla="*/ 1750970 h 2070548"/>
              <a:gd name="connsiteX3" fmla="*/ 3285993 w 3679154"/>
              <a:gd name="connsiteY3" fmla="*/ 1772664 h 2070548"/>
              <a:gd name="connsiteX4" fmla="*/ 3357546 w 3679154"/>
              <a:gd name="connsiteY4" fmla="*/ 1772664 h 2070548"/>
              <a:gd name="connsiteX5" fmla="*/ 3357546 w 3679154"/>
              <a:gd name="connsiteY5" fmla="*/ 1842251 h 2070548"/>
              <a:gd name="connsiteX6" fmla="*/ 3379240 w 3679154"/>
              <a:gd name="connsiteY6" fmla="*/ 1842251 h 2070548"/>
              <a:gd name="connsiteX7" fmla="*/ 3379240 w 3679154"/>
              <a:gd name="connsiteY7" fmla="*/ 1772664 h 2070548"/>
              <a:gd name="connsiteX8" fmla="*/ 3450793 w 3679154"/>
              <a:gd name="connsiteY8" fmla="*/ 1772664 h 2070548"/>
              <a:gd name="connsiteX9" fmla="*/ 3450793 w 3679154"/>
              <a:gd name="connsiteY9" fmla="*/ 1750970 h 2070548"/>
              <a:gd name="connsiteX10" fmla="*/ 3379240 w 3679154"/>
              <a:gd name="connsiteY10" fmla="*/ 1750970 h 2070548"/>
              <a:gd name="connsiteX11" fmla="*/ 3379240 w 3679154"/>
              <a:gd name="connsiteY11" fmla="*/ 1681383 h 2070548"/>
              <a:gd name="connsiteX12" fmla="*/ 298329 w 3679154"/>
              <a:gd name="connsiteY12" fmla="*/ 1681383 h 2070548"/>
              <a:gd name="connsiteX13" fmla="*/ 298329 w 3679154"/>
              <a:gd name="connsiteY13" fmla="*/ 1750970 h 2070548"/>
              <a:gd name="connsiteX14" fmla="*/ 226776 w 3679154"/>
              <a:gd name="connsiteY14" fmla="*/ 1750970 h 2070548"/>
              <a:gd name="connsiteX15" fmla="*/ 226776 w 3679154"/>
              <a:gd name="connsiteY15" fmla="*/ 1772664 h 2070548"/>
              <a:gd name="connsiteX16" fmla="*/ 298329 w 3679154"/>
              <a:gd name="connsiteY16" fmla="*/ 1772664 h 2070548"/>
              <a:gd name="connsiteX17" fmla="*/ 298329 w 3679154"/>
              <a:gd name="connsiteY17" fmla="*/ 1842251 h 2070548"/>
              <a:gd name="connsiteX18" fmla="*/ 320023 w 3679154"/>
              <a:gd name="connsiteY18" fmla="*/ 1842251 h 2070548"/>
              <a:gd name="connsiteX19" fmla="*/ 320023 w 3679154"/>
              <a:gd name="connsiteY19" fmla="*/ 1772664 h 2070548"/>
              <a:gd name="connsiteX20" fmla="*/ 391576 w 3679154"/>
              <a:gd name="connsiteY20" fmla="*/ 1772664 h 2070548"/>
              <a:gd name="connsiteX21" fmla="*/ 391576 w 3679154"/>
              <a:gd name="connsiteY21" fmla="*/ 1750970 h 2070548"/>
              <a:gd name="connsiteX22" fmla="*/ 320023 w 3679154"/>
              <a:gd name="connsiteY22" fmla="*/ 1750970 h 2070548"/>
              <a:gd name="connsiteX23" fmla="*/ 320023 w 3679154"/>
              <a:gd name="connsiteY23" fmla="*/ 1681383 h 2070548"/>
              <a:gd name="connsiteX24" fmla="*/ 3357482 w 3679154"/>
              <a:gd name="connsiteY24" fmla="*/ 220251 h 2070548"/>
              <a:gd name="connsiteX25" fmla="*/ 3357482 w 3679154"/>
              <a:gd name="connsiteY25" fmla="*/ 289838 h 2070548"/>
              <a:gd name="connsiteX26" fmla="*/ 3285929 w 3679154"/>
              <a:gd name="connsiteY26" fmla="*/ 289838 h 2070548"/>
              <a:gd name="connsiteX27" fmla="*/ 3285929 w 3679154"/>
              <a:gd name="connsiteY27" fmla="*/ 311532 h 2070548"/>
              <a:gd name="connsiteX28" fmla="*/ 3357482 w 3679154"/>
              <a:gd name="connsiteY28" fmla="*/ 311532 h 2070548"/>
              <a:gd name="connsiteX29" fmla="*/ 3357482 w 3679154"/>
              <a:gd name="connsiteY29" fmla="*/ 381119 h 2070548"/>
              <a:gd name="connsiteX30" fmla="*/ 3379176 w 3679154"/>
              <a:gd name="connsiteY30" fmla="*/ 381119 h 2070548"/>
              <a:gd name="connsiteX31" fmla="*/ 3379176 w 3679154"/>
              <a:gd name="connsiteY31" fmla="*/ 311532 h 2070548"/>
              <a:gd name="connsiteX32" fmla="*/ 3450730 w 3679154"/>
              <a:gd name="connsiteY32" fmla="*/ 311532 h 2070548"/>
              <a:gd name="connsiteX33" fmla="*/ 3450730 w 3679154"/>
              <a:gd name="connsiteY33" fmla="*/ 289838 h 2070548"/>
              <a:gd name="connsiteX34" fmla="*/ 3379176 w 3679154"/>
              <a:gd name="connsiteY34" fmla="*/ 289838 h 2070548"/>
              <a:gd name="connsiteX35" fmla="*/ 3379176 w 3679154"/>
              <a:gd name="connsiteY35" fmla="*/ 220251 h 2070548"/>
              <a:gd name="connsiteX36" fmla="*/ 298265 w 3679154"/>
              <a:gd name="connsiteY36" fmla="*/ 220251 h 2070548"/>
              <a:gd name="connsiteX37" fmla="*/ 298265 w 3679154"/>
              <a:gd name="connsiteY37" fmla="*/ 289838 h 2070548"/>
              <a:gd name="connsiteX38" fmla="*/ 226712 w 3679154"/>
              <a:gd name="connsiteY38" fmla="*/ 289838 h 2070548"/>
              <a:gd name="connsiteX39" fmla="*/ 226712 w 3679154"/>
              <a:gd name="connsiteY39" fmla="*/ 311532 h 2070548"/>
              <a:gd name="connsiteX40" fmla="*/ 298265 w 3679154"/>
              <a:gd name="connsiteY40" fmla="*/ 311532 h 2070548"/>
              <a:gd name="connsiteX41" fmla="*/ 298265 w 3679154"/>
              <a:gd name="connsiteY41" fmla="*/ 381119 h 2070548"/>
              <a:gd name="connsiteX42" fmla="*/ 319960 w 3679154"/>
              <a:gd name="connsiteY42" fmla="*/ 381119 h 2070548"/>
              <a:gd name="connsiteX43" fmla="*/ 319960 w 3679154"/>
              <a:gd name="connsiteY43" fmla="*/ 311532 h 2070548"/>
              <a:gd name="connsiteX44" fmla="*/ 391513 w 3679154"/>
              <a:gd name="connsiteY44" fmla="*/ 311532 h 2070548"/>
              <a:gd name="connsiteX45" fmla="*/ 391513 w 3679154"/>
              <a:gd name="connsiteY45" fmla="*/ 289838 h 2070548"/>
              <a:gd name="connsiteX46" fmla="*/ 319960 w 3679154"/>
              <a:gd name="connsiteY46" fmla="*/ 289838 h 2070548"/>
              <a:gd name="connsiteX47" fmla="*/ 319960 w 3679154"/>
              <a:gd name="connsiteY47" fmla="*/ 220251 h 2070548"/>
              <a:gd name="connsiteX48" fmla="*/ 0 w 3679154"/>
              <a:gd name="connsiteY48" fmla="*/ 0 h 2070548"/>
              <a:gd name="connsiteX49" fmla="*/ 3679154 w 3679154"/>
              <a:gd name="connsiteY49" fmla="*/ 0 h 2070548"/>
              <a:gd name="connsiteX50" fmla="*/ 3679154 w 3679154"/>
              <a:gd name="connsiteY50" fmla="*/ 2070548 h 2070548"/>
              <a:gd name="connsiteX51" fmla="*/ 0 w 3679154"/>
              <a:gd name="connsiteY51" fmla="*/ 2070548 h 20705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79154" h="2070548">
                <a:moveTo>
                  <a:pt x="3357546" y="1681383"/>
                </a:moveTo>
                <a:lnTo>
                  <a:pt x="3357546" y="1750970"/>
                </a:lnTo>
                <a:lnTo>
                  <a:pt x="3285993" y="1750970"/>
                </a:lnTo>
                <a:lnTo>
                  <a:pt x="3285993" y="1772664"/>
                </a:lnTo>
                <a:lnTo>
                  <a:pt x="3357546" y="1772664"/>
                </a:lnTo>
                <a:lnTo>
                  <a:pt x="3357546" y="1842251"/>
                </a:lnTo>
                <a:lnTo>
                  <a:pt x="3379240" y="1842251"/>
                </a:lnTo>
                <a:lnTo>
                  <a:pt x="3379240" y="1772664"/>
                </a:lnTo>
                <a:lnTo>
                  <a:pt x="3450793" y="1772664"/>
                </a:lnTo>
                <a:lnTo>
                  <a:pt x="3450793" y="1750970"/>
                </a:lnTo>
                <a:lnTo>
                  <a:pt x="3379240" y="1750970"/>
                </a:lnTo>
                <a:lnTo>
                  <a:pt x="3379240" y="1681383"/>
                </a:lnTo>
                <a:close/>
                <a:moveTo>
                  <a:pt x="298329" y="1681383"/>
                </a:moveTo>
                <a:lnTo>
                  <a:pt x="298329" y="1750970"/>
                </a:lnTo>
                <a:lnTo>
                  <a:pt x="226776" y="1750970"/>
                </a:lnTo>
                <a:lnTo>
                  <a:pt x="226776" y="1772664"/>
                </a:lnTo>
                <a:lnTo>
                  <a:pt x="298329" y="1772664"/>
                </a:lnTo>
                <a:lnTo>
                  <a:pt x="298329" y="1842251"/>
                </a:lnTo>
                <a:lnTo>
                  <a:pt x="320023" y="1842251"/>
                </a:lnTo>
                <a:lnTo>
                  <a:pt x="320023" y="1772664"/>
                </a:lnTo>
                <a:lnTo>
                  <a:pt x="391576" y="1772664"/>
                </a:lnTo>
                <a:lnTo>
                  <a:pt x="391576" y="1750970"/>
                </a:lnTo>
                <a:lnTo>
                  <a:pt x="320023" y="1750970"/>
                </a:lnTo>
                <a:lnTo>
                  <a:pt x="320023" y="1681383"/>
                </a:lnTo>
                <a:close/>
                <a:moveTo>
                  <a:pt x="3357482" y="220251"/>
                </a:moveTo>
                <a:lnTo>
                  <a:pt x="3357482" y="289838"/>
                </a:lnTo>
                <a:lnTo>
                  <a:pt x="3285929" y="289838"/>
                </a:lnTo>
                <a:lnTo>
                  <a:pt x="3285929" y="311532"/>
                </a:lnTo>
                <a:lnTo>
                  <a:pt x="3357482" y="311532"/>
                </a:lnTo>
                <a:lnTo>
                  <a:pt x="3357482" y="381119"/>
                </a:lnTo>
                <a:lnTo>
                  <a:pt x="3379176" y="381119"/>
                </a:lnTo>
                <a:lnTo>
                  <a:pt x="3379176" y="311532"/>
                </a:lnTo>
                <a:lnTo>
                  <a:pt x="3450730" y="311532"/>
                </a:lnTo>
                <a:lnTo>
                  <a:pt x="3450730" y="289838"/>
                </a:lnTo>
                <a:lnTo>
                  <a:pt x="3379176" y="289838"/>
                </a:lnTo>
                <a:lnTo>
                  <a:pt x="3379176" y="220251"/>
                </a:lnTo>
                <a:close/>
                <a:moveTo>
                  <a:pt x="298265" y="220251"/>
                </a:moveTo>
                <a:lnTo>
                  <a:pt x="298265" y="289838"/>
                </a:lnTo>
                <a:lnTo>
                  <a:pt x="226712" y="289838"/>
                </a:lnTo>
                <a:lnTo>
                  <a:pt x="226712" y="311532"/>
                </a:lnTo>
                <a:lnTo>
                  <a:pt x="298265" y="311532"/>
                </a:lnTo>
                <a:lnTo>
                  <a:pt x="298265" y="381119"/>
                </a:lnTo>
                <a:lnTo>
                  <a:pt x="319960" y="381119"/>
                </a:lnTo>
                <a:lnTo>
                  <a:pt x="319960" y="311532"/>
                </a:lnTo>
                <a:lnTo>
                  <a:pt x="391513" y="311532"/>
                </a:lnTo>
                <a:lnTo>
                  <a:pt x="391513" y="289838"/>
                </a:lnTo>
                <a:lnTo>
                  <a:pt x="319960" y="289838"/>
                </a:lnTo>
                <a:lnTo>
                  <a:pt x="319960" y="220251"/>
                </a:lnTo>
                <a:close/>
                <a:moveTo>
                  <a:pt x="0" y="0"/>
                </a:moveTo>
                <a:lnTo>
                  <a:pt x="3679154" y="0"/>
                </a:lnTo>
                <a:lnTo>
                  <a:pt x="3679154" y="2070548"/>
                </a:lnTo>
                <a:lnTo>
                  <a:pt x="0" y="2070548"/>
                </a:lnTo>
                <a:close/>
              </a:path>
            </a:pathLst>
          </a:custGeom>
          <a:solidFill>
            <a:schemeClr val="bg2"/>
          </a:solidFill>
          <a:ln>
            <a:noFill/>
          </a:ln>
        </p:spPr>
        <p:txBody>
          <a:bodyPr wrap="square">
            <a:noAutofit/>
          </a:bodyPr>
          <a:lstStyle>
            <a:lvl1pPr marL="0" indent="0" algn="ctr">
              <a:buNone/>
              <a:defRPr sz="1200">
                <a:solidFill>
                  <a:schemeClr val="tx2"/>
                </a:solidFill>
              </a:defRPr>
            </a:lvl1pPr>
          </a:lstStyle>
          <a:p>
            <a:br>
              <a:rPr lang="en-US" dirty="0"/>
            </a:br>
            <a:r>
              <a:rPr lang="en-US" dirty="0"/>
              <a:t>CLICK ICON TO ADD PICTURE</a:t>
            </a:r>
          </a:p>
        </p:txBody>
      </p:sp>
      <p:sp>
        <p:nvSpPr>
          <p:cNvPr id="13" name="Picture Placeholder 23">
            <a:extLst>
              <a:ext uri="{FF2B5EF4-FFF2-40B4-BE49-F238E27FC236}">
                <a16:creationId xmlns:a16="http://schemas.microsoft.com/office/drawing/2014/main" id="{E5D0FEA8-0677-0735-2078-F1F7B354B901}"/>
              </a:ext>
            </a:extLst>
          </p:cNvPr>
          <p:cNvSpPr>
            <a:spLocks noGrp="1"/>
          </p:cNvSpPr>
          <p:nvPr>
            <p:ph type="pic" sz="quarter" idx="22" hasCustomPrompt="1"/>
          </p:nvPr>
        </p:nvSpPr>
        <p:spPr>
          <a:xfrm>
            <a:off x="4243388" y="3872438"/>
            <a:ext cx="3706810" cy="2070548"/>
          </a:xfrm>
          <a:custGeom>
            <a:avLst/>
            <a:gdLst>
              <a:gd name="connsiteX0" fmla="*/ 3357546 w 3679154"/>
              <a:gd name="connsiteY0" fmla="*/ 1681383 h 2070548"/>
              <a:gd name="connsiteX1" fmla="*/ 3357546 w 3679154"/>
              <a:gd name="connsiteY1" fmla="*/ 1750970 h 2070548"/>
              <a:gd name="connsiteX2" fmla="*/ 3285993 w 3679154"/>
              <a:gd name="connsiteY2" fmla="*/ 1750970 h 2070548"/>
              <a:gd name="connsiteX3" fmla="*/ 3285993 w 3679154"/>
              <a:gd name="connsiteY3" fmla="*/ 1772664 h 2070548"/>
              <a:gd name="connsiteX4" fmla="*/ 3357546 w 3679154"/>
              <a:gd name="connsiteY4" fmla="*/ 1772664 h 2070548"/>
              <a:gd name="connsiteX5" fmla="*/ 3357546 w 3679154"/>
              <a:gd name="connsiteY5" fmla="*/ 1842251 h 2070548"/>
              <a:gd name="connsiteX6" fmla="*/ 3379240 w 3679154"/>
              <a:gd name="connsiteY6" fmla="*/ 1842251 h 2070548"/>
              <a:gd name="connsiteX7" fmla="*/ 3379240 w 3679154"/>
              <a:gd name="connsiteY7" fmla="*/ 1772664 h 2070548"/>
              <a:gd name="connsiteX8" fmla="*/ 3450793 w 3679154"/>
              <a:gd name="connsiteY8" fmla="*/ 1772664 h 2070548"/>
              <a:gd name="connsiteX9" fmla="*/ 3450793 w 3679154"/>
              <a:gd name="connsiteY9" fmla="*/ 1750970 h 2070548"/>
              <a:gd name="connsiteX10" fmla="*/ 3379240 w 3679154"/>
              <a:gd name="connsiteY10" fmla="*/ 1750970 h 2070548"/>
              <a:gd name="connsiteX11" fmla="*/ 3379240 w 3679154"/>
              <a:gd name="connsiteY11" fmla="*/ 1681383 h 2070548"/>
              <a:gd name="connsiteX12" fmla="*/ 298329 w 3679154"/>
              <a:gd name="connsiteY12" fmla="*/ 1681383 h 2070548"/>
              <a:gd name="connsiteX13" fmla="*/ 298329 w 3679154"/>
              <a:gd name="connsiteY13" fmla="*/ 1750970 h 2070548"/>
              <a:gd name="connsiteX14" fmla="*/ 226776 w 3679154"/>
              <a:gd name="connsiteY14" fmla="*/ 1750970 h 2070548"/>
              <a:gd name="connsiteX15" fmla="*/ 226776 w 3679154"/>
              <a:gd name="connsiteY15" fmla="*/ 1772664 h 2070548"/>
              <a:gd name="connsiteX16" fmla="*/ 298329 w 3679154"/>
              <a:gd name="connsiteY16" fmla="*/ 1772664 h 2070548"/>
              <a:gd name="connsiteX17" fmla="*/ 298329 w 3679154"/>
              <a:gd name="connsiteY17" fmla="*/ 1842251 h 2070548"/>
              <a:gd name="connsiteX18" fmla="*/ 320023 w 3679154"/>
              <a:gd name="connsiteY18" fmla="*/ 1842251 h 2070548"/>
              <a:gd name="connsiteX19" fmla="*/ 320023 w 3679154"/>
              <a:gd name="connsiteY19" fmla="*/ 1772664 h 2070548"/>
              <a:gd name="connsiteX20" fmla="*/ 391576 w 3679154"/>
              <a:gd name="connsiteY20" fmla="*/ 1772664 h 2070548"/>
              <a:gd name="connsiteX21" fmla="*/ 391576 w 3679154"/>
              <a:gd name="connsiteY21" fmla="*/ 1750970 h 2070548"/>
              <a:gd name="connsiteX22" fmla="*/ 320023 w 3679154"/>
              <a:gd name="connsiteY22" fmla="*/ 1750970 h 2070548"/>
              <a:gd name="connsiteX23" fmla="*/ 320023 w 3679154"/>
              <a:gd name="connsiteY23" fmla="*/ 1681383 h 2070548"/>
              <a:gd name="connsiteX24" fmla="*/ 3357482 w 3679154"/>
              <a:gd name="connsiteY24" fmla="*/ 220251 h 2070548"/>
              <a:gd name="connsiteX25" fmla="*/ 3357482 w 3679154"/>
              <a:gd name="connsiteY25" fmla="*/ 289838 h 2070548"/>
              <a:gd name="connsiteX26" fmla="*/ 3285929 w 3679154"/>
              <a:gd name="connsiteY26" fmla="*/ 289838 h 2070548"/>
              <a:gd name="connsiteX27" fmla="*/ 3285929 w 3679154"/>
              <a:gd name="connsiteY27" fmla="*/ 311532 h 2070548"/>
              <a:gd name="connsiteX28" fmla="*/ 3357482 w 3679154"/>
              <a:gd name="connsiteY28" fmla="*/ 311532 h 2070548"/>
              <a:gd name="connsiteX29" fmla="*/ 3357482 w 3679154"/>
              <a:gd name="connsiteY29" fmla="*/ 381119 h 2070548"/>
              <a:gd name="connsiteX30" fmla="*/ 3379176 w 3679154"/>
              <a:gd name="connsiteY30" fmla="*/ 381119 h 2070548"/>
              <a:gd name="connsiteX31" fmla="*/ 3379176 w 3679154"/>
              <a:gd name="connsiteY31" fmla="*/ 311532 h 2070548"/>
              <a:gd name="connsiteX32" fmla="*/ 3450730 w 3679154"/>
              <a:gd name="connsiteY32" fmla="*/ 311532 h 2070548"/>
              <a:gd name="connsiteX33" fmla="*/ 3450730 w 3679154"/>
              <a:gd name="connsiteY33" fmla="*/ 289838 h 2070548"/>
              <a:gd name="connsiteX34" fmla="*/ 3379176 w 3679154"/>
              <a:gd name="connsiteY34" fmla="*/ 289838 h 2070548"/>
              <a:gd name="connsiteX35" fmla="*/ 3379176 w 3679154"/>
              <a:gd name="connsiteY35" fmla="*/ 220251 h 2070548"/>
              <a:gd name="connsiteX36" fmla="*/ 298265 w 3679154"/>
              <a:gd name="connsiteY36" fmla="*/ 220251 h 2070548"/>
              <a:gd name="connsiteX37" fmla="*/ 298265 w 3679154"/>
              <a:gd name="connsiteY37" fmla="*/ 289838 h 2070548"/>
              <a:gd name="connsiteX38" fmla="*/ 226712 w 3679154"/>
              <a:gd name="connsiteY38" fmla="*/ 289838 h 2070548"/>
              <a:gd name="connsiteX39" fmla="*/ 226712 w 3679154"/>
              <a:gd name="connsiteY39" fmla="*/ 311532 h 2070548"/>
              <a:gd name="connsiteX40" fmla="*/ 298265 w 3679154"/>
              <a:gd name="connsiteY40" fmla="*/ 311532 h 2070548"/>
              <a:gd name="connsiteX41" fmla="*/ 298265 w 3679154"/>
              <a:gd name="connsiteY41" fmla="*/ 381119 h 2070548"/>
              <a:gd name="connsiteX42" fmla="*/ 319960 w 3679154"/>
              <a:gd name="connsiteY42" fmla="*/ 381119 h 2070548"/>
              <a:gd name="connsiteX43" fmla="*/ 319960 w 3679154"/>
              <a:gd name="connsiteY43" fmla="*/ 311532 h 2070548"/>
              <a:gd name="connsiteX44" fmla="*/ 391513 w 3679154"/>
              <a:gd name="connsiteY44" fmla="*/ 311532 h 2070548"/>
              <a:gd name="connsiteX45" fmla="*/ 391513 w 3679154"/>
              <a:gd name="connsiteY45" fmla="*/ 289838 h 2070548"/>
              <a:gd name="connsiteX46" fmla="*/ 319960 w 3679154"/>
              <a:gd name="connsiteY46" fmla="*/ 289838 h 2070548"/>
              <a:gd name="connsiteX47" fmla="*/ 319960 w 3679154"/>
              <a:gd name="connsiteY47" fmla="*/ 220251 h 2070548"/>
              <a:gd name="connsiteX48" fmla="*/ 0 w 3679154"/>
              <a:gd name="connsiteY48" fmla="*/ 0 h 2070548"/>
              <a:gd name="connsiteX49" fmla="*/ 3679154 w 3679154"/>
              <a:gd name="connsiteY49" fmla="*/ 0 h 2070548"/>
              <a:gd name="connsiteX50" fmla="*/ 3679154 w 3679154"/>
              <a:gd name="connsiteY50" fmla="*/ 2070548 h 2070548"/>
              <a:gd name="connsiteX51" fmla="*/ 0 w 3679154"/>
              <a:gd name="connsiteY51" fmla="*/ 2070548 h 20705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79154" h="2070548">
                <a:moveTo>
                  <a:pt x="3357546" y="1681383"/>
                </a:moveTo>
                <a:lnTo>
                  <a:pt x="3357546" y="1750970"/>
                </a:lnTo>
                <a:lnTo>
                  <a:pt x="3285993" y="1750970"/>
                </a:lnTo>
                <a:lnTo>
                  <a:pt x="3285993" y="1772664"/>
                </a:lnTo>
                <a:lnTo>
                  <a:pt x="3357546" y="1772664"/>
                </a:lnTo>
                <a:lnTo>
                  <a:pt x="3357546" y="1842251"/>
                </a:lnTo>
                <a:lnTo>
                  <a:pt x="3379240" y="1842251"/>
                </a:lnTo>
                <a:lnTo>
                  <a:pt x="3379240" y="1772664"/>
                </a:lnTo>
                <a:lnTo>
                  <a:pt x="3450793" y="1772664"/>
                </a:lnTo>
                <a:lnTo>
                  <a:pt x="3450793" y="1750970"/>
                </a:lnTo>
                <a:lnTo>
                  <a:pt x="3379240" y="1750970"/>
                </a:lnTo>
                <a:lnTo>
                  <a:pt x="3379240" y="1681383"/>
                </a:lnTo>
                <a:close/>
                <a:moveTo>
                  <a:pt x="298329" y="1681383"/>
                </a:moveTo>
                <a:lnTo>
                  <a:pt x="298329" y="1750970"/>
                </a:lnTo>
                <a:lnTo>
                  <a:pt x="226776" y="1750970"/>
                </a:lnTo>
                <a:lnTo>
                  <a:pt x="226776" y="1772664"/>
                </a:lnTo>
                <a:lnTo>
                  <a:pt x="298329" y="1772664"/>
                </a:lnTo>
                <a:lnTo>
                  <a:pt x="298329" y="1842251"/>
                </a:lnTo>
                <a:lnTo>
                  <a:pt x="320023" y="1842251"/>
                </a:lnTo>
                <a:lnTo>
                  <a:pt x="320023" y="1772664"/>
                </a:lnTo>
                <a:lnTo>
                  <a:pt x="391576" y="1772664"/>
                </a:lnTo>
                <a:lnTo>
                  <a:pt x="391576" y="1750970"/>
                </a:lnTo>
                <a:lnTo>
                  <a:pt x="320023" y="1750970"/>
                </a:lnTo>
                <a:lnTo>
                  <a:pt x="320023" y="1681383"/>
                </a:lnTo>
                <a:close/>
                <a:moveTo>
                  <a:pt x="3357482" y="220251"/>
                </a:moveTo>
                <a:lnTo>
                  <a:pt x="3357482" y="289838"/>
                </a:lnTo>
                <a:lnTo>
                  <a:pt x="3285929" y="289838"/>
                </a:lnTo>
                <a:lnTo>
                  <a:pt x="3285929" y="311532"/>
                </a:lnTo>
                <a:lnTo>
                  <a:pt x="3357482" y="311532"/>
                </a:lnTo>
                <a:lnTo>
                  <a:pt x="3357482" y="381119"/>
                </a:lnTo>
                <a:lnTo>
                  <a:pt x="3379176" y="381119"/>
                </a:lnTo>
                <a:lnTo>
                  <a:pt x="3379176" y="311532"/>
                </a:lnTo>
                <a:lnTo>
                  <a:pt x="3450730" y="311532"/>
                </a:lnTo>
                <a:lnTo>
                  <a:pt x="3450730" y="289838"/>
                </a:lnTo>
                <a:lnTo>
                  <a:pt x="3379176" y="289838"/>
                </a:lnTo>
                <a:lnTo>
                  <a:pt x="3379176" y="220251"/>
                </a:lnTo>
                <a:close/>
                <a:moveTo>
                  <a:pt x="298265" y="220251"/>
                </a:moveTo>
                <a:lnTo>
                  <a:pt x="298265" y="289838"/>
                </a:lnTo>
                <a:lnTo>
                  <a:pt x="226712" y="289838"/>
                </a:lnTo>
                <a:lnTo>
                  <a:pt x="226712" y="311532"/>
                </a:lnTo>
                <a:lnTo>
                  <a:pt x="298265" y="311532"/>
                </a:lnTo>
                <a:lnTo>
                  <a:pt x="298265" y="381119"/>
                </a:lnTo>
                <a:lnTo>
                  <a:pt x="319960" y="381119"/>
                </a:lnTo>
                <a:lnTo>
                  <a:pt x="319960" y="311532"/>
                </a:lnTo>
                <a:lnTo>
                  <a:pt x="391513" y="311532"/>
                </a:lnTo>
                <a:lnTo>
                  <a:pt x="391513" y="289838"/>
                </a:lnTo>
                <a:lnTo>
                  <a:pt x="319960" y="289838"/>
                </a:lnTo>
                <a:lnTo>
                  <a:pt x="319960" y="220251"/>
                </a:lnTo>
                <a:close/>
                <a:moveTo>
                  <a:pt x="0" y="0"/>
                </a:moveTo>
                <a:lnTo>
                  <a:pt x="3679154" y="0"/>
                </a:lnTo>
                <a:lnTo>
                  <a:pt x="3679154" y="2070548"/>
                </a:lnTo>
                <a:lnTo>
                  <a:pt x="0" y="2070548"/>
                </a:lnTo>
                <a:close/>
              </a:path>
            </a:pathLst>
          </a:custGeom>
          <a:solidFill>
            <a:schemeClr val="bg2"/>
          </a:solidFill>
          <a:ln>
            <a:noFill/>
          </a:ln>
        </p:spPr>
        <p:txBody>
          <a:bodyPr wrap="square">
            <a:noAutofit/>
          </a:bodyPr>
          <a:lstStyle>
            <a:lvl1pPr marL="0" indent="0" algn="ctr">
              <a:buNone/>
              <a:defRPr sz="1200">
                <a:solidFill>
                  <a:schemeClr val="tx2"/>
                </a:solidFill>
              </a:defRPr>
            </a:lvl1pPr>
          </a:lstStyle>
          <a:p>
            <a:br>
              <a:rPr lang="en-US" dirty="0"/>
            </a:br>
            <a:r>
              <a:rPr lang="en-US" dirty="0"/>
              <a:t>CLICK ICON TO ADD PICTURE</a:t>
            </a:r>
          </a:p>
        </p:txBody>
      </p:sp>
    </p:spTree>
    <p:extLst>
      <p:ext uri="{BB962C8B-B14F-4D97-AF65-F5344CB8AC3E}">
        <p14:creationId xmlns:p14="http://schemas.microsoft.com/office/powerpoint/2010/main" val="380017819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M. Image">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4A8D575B-7472-A6B0-7F2E-9D0A71B2C3C1}"/>
              </a:ext>
            </a:extLst>
          </p:cNvPr>
          <p:cNvSpPr/>
          <p:nvPr userDrawn="1"/>
        </p:nvSpPr>
        <p:spPr>
          <a:xfrm>
            <a:off x="4372303" y="1618277"/>
            <a:ext cx="3436883" cy="1887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Rectangle 1">
            <a:extLst>
              <a:ext uri="{FF2B5EF4-FFF2-40B4-BE49-F238E27FC236}">
                <a16:creationId xmlns:a16="http://schemas.microsoft.com/office/drawing/2014/main" id="{4496AF90-3909-F3FF-7D7C-1C69CE6011B4}"/>
              </a:ext>
            </a:extLst>
          </p:cNvPr>
          <p:cNvSpPr/>
          <p:nvPr userDrawn="1"/>
        </p:nvSpPr>
        <p:spPr>
          <a:xfrm>
            <a:off x="405955" y="1618277"/>
            <a:ext cx="3535424" cy="41939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6" name="Rectangle 5">
            <a:extLst>
              <a:ext uri="{FF2B5EF4-FFF2-40B4-BE49-F238E27FC236}">
                <a16:creationId xmlns:a16="http://schemas.microsoft.com/office/drawing/2014/main" id="{59324653-D0A9-A15E-5BD9-BE2AF4BA5EBE}"/>
              </a:ext>
            </a:extLst>
          </p:cNvPr>
          <p:cNvSpPr/>
          <p:nvPr userDrawn="1"/>
        </p:nvSpPr>
        <p:spPr>
          <a:xfrm>
            <a:off x="8261130" y="1618277"/>
            <a:ext cx="3524915" cy="427867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ctangle 20">
            <a:extLst>
              <a:ext uri="{FF2B5EF4-FFF2-40B4-BE49-F238E27FC236}">
                <a16:creationId xmlns:a16="http://schemas.microsoft.com/office/drawing/2014/main" id="{F7C0F6E4-49FC-3E80-A7C2-01438A43B03B}"/>
              </a:ext>
            </a:extLst>
          </p:cNvPr>
          <p:cNvSpPr/>
          <p:nvPr userDrawn="1"/>
        </p:nvSpPr>
        <p:spPr>
          <a:xfrm>
            <a:off x="4372303" y="3990308"/>
            <a:ext cx="3436883" cy="1821913"/>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Picture Placeholder 17">
            <a:extLst>
              <a:ext uri="{FF2B5EF4-FFF2-40B4-BE49-F238E27FC236}">
                <a16:creationId xmlns:a16="http://schemas.microsoft.com/office/drawing/2014/main" id="{309CB430-8178-A9D5-3573-D717AE24D5CD}"/>
              </a:ext>
            </a:extLst>
          </p:cNvPr>
          <p:cNvSpPr>
            <a:spLocks noGrp="1"/>
          </p:cNvSpPr>
          <p:nvPr>
            <p:ph type="pic" sz="quarter" idx="10" hasCustomPrompt="1"/>
          </p:nvPr>
        </p:nvSpPr>
        <p:spPr>
          <a:xfrm>
            <a:off x="357189" y="1556665"/>
            <a:ext cx="3706811" cy="4389437"/>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marL="0" indent="0" algn="ctr">
              <a:buNone/>
              <a:defRPr sz="1600">
                <a:solidFill>
                  <a:schemeClr val="bg2"/>
                </a:solidFill>
              </a:defRPr>
            </a:lvl1pPr>
          </a:lstStyle>
          <a:p>
            <a:br>
              <a:rPr lang="en-US" dirty="0"/>
            </a:br>
            <a:br>
              <a:rPr lang="en-US" dirty="0"/>
            </a:br>
            <a:r>
              <a:rPr lang="en-US" dirty="0"/>
              <a:t>CLICK ICON TO ADD PICTURE</a:t>
            </a:r>
          </a:p>
        </p:txBody>
      </p:sp>
      <p:sp>
        <p:nvSpPr>
          <p:cNvPr id="7" name="Picture Placeholder 17">
            <a:extLst>
              <a:ext uri="{FF2B5EF4-FFF2-40B4-BE49-F238E27FC236}">
                <a16:creationId xmlns:a16="http://schemas.microsoft.com/office/drawing/2014/main" id="{832AD26D-7828-C483-CE77-EA82897FCBED}"/>
              </a:ext>
            </a:extLst>
          </p:cNvPr>
          <p:cNvSpPr>
            <a:spLocks noGrp="1"/>
          </p:cNvSpPr>
          <p:nvPr>
            <p:ph type="pic" sz="quarter" idx="20" hasCustomPrompt="1"/>
          </p:nvPr>
        </p:nvSpPr>
        <p:spPr>
          <a:xfrm>
            <a:off x="8128000" y="1557338"/>
            <a:ext cx="3706811" cy="4386262"/>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accent4"/>
          </a:solidFill>
        </p:spPr>
        <p:txBody>
          <a:bodyPr wrap="square">
            <a:noAutofit/>
          </a:bodyPr>
          <a:lstStyle>
            <a:lvl1pPr marL="0" indent="0" algn="ctr">
              <a:buNone/>
              <a:defRPr sz="1600">
                <a:solidFill>
                  <a:schemeClr val="bg2"/>
                </a:solidFill>
              </a:defRPr>
            </a:lvl1pPr>
          </a:lstStyle>
          <a:p>
            <a:br>
              <a:rPr lang="en-US" dirty="0"/>
            </a:br>
            <a:br>
              <a:rPr lang="en-US" dirty="0"/>
            </a:br>
            <a:r>
              <a:rPr lang="en-US" dirty="0"/>
              <a:t>CLICK ICON TO ADD PICTURE</a:t>
            </a:r>
          </a:p>
        </p:txBody>
      </p:sp>
      <p:sp>
        <p:nvSpPr>
          <p:cNvPr id="20" name="Picture Placeholder 19">
            <a:extLst>
              <a:ext uri="{FF2B5EF4-FFF2-40B4-BE49-F238E27FC236}">
                <a16:creationId xmlns:a16="http://schemas.microsoft.com/office/drawing/2014/main" id="{BBB07552-4882-F004-909C-4B5F261C3024}"/>
              </a:ext>
            </a:extLst>
          </p:cNvPr>
          <p:cNvSpPr>
            <a:spLocks noGrp="1"/>
          </p:cNvSpPr>
          <p:nvPr>
            <p:ph type="pic" sz="quarter" idx="21" hasCustomPrompt="1"/>
          </p:nvPr>
        </p:nvSpPr>
        <p:spPr>
          <a:xfrm>
            <a:off x="4243387" y="1552542"/>
            <a:ext cx="3703637" cy="2070548"/>
          </a:xfrm>
          <a:custGeom>
            <a:avLst/>
            <a:gdLst>
              <a:gd name="connsiteX0" fmla="*/ 3357546 w 3679154"/>
              <a:gd name="connsiteY0" fmla="*/ 1681383 h 2070548"/>
              <a:gd name="connsiteX1" fmla="*/ 3357546 w 3679154"/>
              <a:gd name="connsiteY1" fmla="*/ 1750970 h 2070548"/>
              <a:gd name="connsiteX2" fmla="*/ 3285993 w 3679154"/>
              <a:gd name="connsiteY2" fmla="*/ 1750970 h 2070548"/>
              <a:gd name="connsiteX3" fmla="*/ 3285993 w 3679154"/>
              <a:gd name="connsiteY3" fmla="*/ 1772664 h 2070548"/>
              <a:gd name="connsiteX4" fmla="*/ 3357546 w 3679154"/>
              <a:gd name="connsiteY4" fmla="*/ 1772664 h 2070548"/>
              <a:gd name="connsiteX5" fmla="*/ 3357546 w 3679154"/>
              <a:gd name="connsiteY5" fmla="*/ 1842251 h 2070548"/>
              <a:gd name="connsiteX6" fmla="*/ 3379240 w 3679154"/>
              <a:gd name="connsiteY6" fmla="*/ 1842251 h 2070548"/>
              <a:gd name="connsiteX7" fmla="*/ 3379240 w 3679154"/>
              <a:gd name="connsiteY7" fmla="*/ 1772664 h 2070548"/>
              <a:gd name="connsiteX8" fmla="*/ 3450793 w 3679154"/>
              <a:gd name="connsiteY8" fmla="*/ 1772664 h 2070548"/>
              <a:gd name="connsiteX9" fmla="*/ 3450793 w 3679154"/>
              <a:gd name="connsiteY9" fmla="*/ 1750970 h 2070548"/>
              <a:gd name="connsiteX10" fmla="*/ 3379240 w 3679154"/>
              <a:gd name="connsiteY10" fmla="*/ 1750970 h 2070548"/>
              <a:gd name="connsiteX11" fmla="*/ 3379240 w 3679154"/>
              <a:gd name="connsiteY11" fmla="*/ 1681383 h 2070548"/>
              <a:gd name="connsiteX12" fmla="*/ 298329 w 3679154"/>
              <a:gd name="connsiteY12" fmla="*/ 1681383 h 2070548"/>
              <a:gd name="connsiteX13" fmla="*/ 298329 w 3679154"/>
              <a:gd name="connsiteY13" fmla="*/ 1750970 h 2070548"/>
              <a:gd name="connsiteX14" fmla="*/ 226776 w 3679154"/>
              <a:gd name="connsiteY14" fmla="*/ 1750970 h 2070548"/>
              <a:gd name="connsiteX15" fmla="*/ 226776 w 3679154"/>
              <a:gd name="connsiteY15" fmla="*/ 1772664 h 2070548"/>
              <a:gd name="connsiteX16" fmla="*/ 298329 w 3679154"/>
              <a:gd name="connsiteY16" fmla="*/ 1772664 h 2070548"/>
              <a:gd name="connsiteX17" fmla="*/ 298329 w 3679154"/>
              <a:gd name="connsiteY17" fmla="*/ 1842251 h 2070548"/>
              <a:gd name="connsiteX18" fmla="*/ 320023 w 3679154"/>
              <a:gd name="connsiteY18" fmla="*/ 1842251 h 2070548"/>
              <a:gd name="connsiteX19" fmla="*/ 320023 w 3679154"/>
              <a:gd name="connsiteY19" fmla="*/ 1772664 h 2070548"/>
              <a:gd name="connsiteX20" fmla="*/ 391576 w 3679154"/>
              <a:gd name="connsiteY20" fmla="*/ 1772664 h 2070548"/>
              <a:gd name="connsiteX21" fmla="*/ 391576 w 3679154"/>
              <a:gd name="connsiteY21" fmla="*/ 1750970 h 2070548"/>
              <a:gd name="connsiteX22" fmla="*/ 320023 w 3679154"/>
              <a:gd name="connsiteY22" fmla="*/ 1750970 h 2070548"/>
              <a:gd name="connsiteX23" fmla="*/ 320023 w 3679154"/>
              <a:gd name="connsiteY23" fmla="*/ 1681383 h 2070548"/>
              <a:gd name="connsiteX24" fmla="*/ 3357482 w 3679154"/>
              <a:gd name="connsiteY24" fmla="*/ 220251 h 2070548"/>
              <a:gd name="connsiteX25" fmla="*/ 3357482 w 3679154"/>
              <a:gd name="connsiteY25" fmla="*/ 289838 h 2070548"/>
              <a:gd name="connsiteX26" fmla="*/ 3285929 w 3679154"/>
              <a:gd name="connsiteY26" fmla="*/ 289838 h 2070548"/>
              <a:gd name="connsiteX27" fmla="*/ 3285929 w 3679154"/>
              <a:gd name="connsiteY27" fmla="*/ 311532 h 2070548"/>
              <a:gd name="connsiteX28" fmla="*/ 3357482 w 3679154"/>
              <a:gd name="connsiteY28" fmla="*/ 311532 h 2070548"/>
              <a:gd name="connsiteX29" fmla="*/ 3357482 w 3679154"/>
              <a:gd name="connsiteY29" fmla="*/ 381119 h 2070548"/>
              <a:gd name="connsiteX30" fmla="*/ 3379176 w 3679154"/>
              <a:gd name="connsiteY30" fmla="*/ 381119 h 2070548"/>
              <a:gd name="connsiteX31" fmla="*/ 3379176 w 3679154"/>
              <a:gd name="connsiteY31" fmla="*/ 311532 h 2070548"/>
              <a:gd name="connsiteX32" fmla="*/ 3450730 w 3679154"/>
              <a:gd name="connsiteY32" fmla="*/ 311532 h 2070548"/>
              <a:gd name="connsiteX33" fmla="*/ 3450730 w 3679154"/>
              <a:gd name="connsiteY33" fmla="*/ 289838 h 2070548"/>
              <a:gd name="connsiteX34" fmla="*/ 3379176 w 3679154"/>
              <a:gd name="connsiteY34" fmla="*/ 289838 h 2070548"/>
              <a:gd name="connsiteX35" fmla="*/ 3379176 w 3679154"/>
              <a:gd name="connsiteY35" fmla="*/ 220251 h 2070548"/>
              <a:gd name="connsiteX36" fmla="*/ 298265 w 3679154"/>
              <a:gd name="connsiteY36" fmla="*/ 220251 h 2070548"/>
              <a:gd name="connsiteX37" fmla="*/ 298265 w 3679154"/>
              <a:gd name="connsiteY37" fmla="*/ 289838 h 2070548"/>
              <a:gd name="connsiteX38" fmla="*/ 226712 w 3679154"/>
              <a:gd name="connsiteY38" fmla="*/ 289838 h 2070548"/>
              <a:gd name="connsiteX39" fmla="*/ 226712 w 3679154"/>
              <a:gd name="connsiteY39" fmla="*/ 311532 h 2070548"/>
              <a:gd name="connsiteX40" fmla="*/ 298265 w 3679154"/>
              <a:gd name="connsiteY40" fmla="*/ 311532 h 2070548"/>
              <a:gd name="connsiteX41" fmla="*/ 298265 w 3679154"/>
              <a:gd name="connsiteY41" fmla="*/ 381119 h 2070548"/>
              <a:gd name="connsiteX42" fmla="*/ 319960 w 3679154"/>
              <a:gd name="connsiteY42" fmla="*/ 381119 h 2070548"/>
              <a:gd name="connsiteX43" fmla="*/ 319960 w 3679154"/>
              <a:gd name="connsiteY43" fmla="*/ 311532 h 2070548"/>
              <a:gd name="connsiteX44" fmla="*/ 391513 w 3679154"/>
              <a:gd name="connsiteY44" fmla="*/ 311532 h 2070548"/>
              <a:gd name="connsiteX45" fmla="*/ 391513 w 3679154"/>
              <a:gd name="connsiteY45" fmla="*/ 289838 h 2070548"/>
              <a:gd name="connsiteX46" fmla="*/ 319960 w 3679154"/>
              <a:gd name="connsiteY46" fmla="*/ 289838 h 2070548"/>
              <a:gd name="connsiteX47" fmla="*/ 319960 w 3679154"/>
              <a:gd name="connsiteY47" fmla="*/ 220251 h 2070548"/>
              <a:gd name="connsiteX48" fmla="*/ 0 w 3679154"/>
              <a:gd name="connsiteY48" fmla="*/ 0 h 2070548"/>
              <a:gd name="connsiteX49" fmla="*/ 3679154 w 3679154"/>
              <a:gd name="connsiteY49" fmla="*/ 0 h 2070548"/>
              <a:gd name="connsiteX50" fmla="*/ 3679154 w 3679154"/>
              <a:gd name="connsiteY50" fmla="*/ 2070548 h 2070548"/>
              <a:gd name="connsiteX51" fmla="*/ 0 w 3679154"/>
              <a:gd name="connsiteY51" fmla="*/ 2070548 h 20705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79154" h="2070548">
                <a:moveTo>
                  <a:pt x="3357546" y="1681383"/>
                </a:moveTo>
                <a:lnTo>
                  <a:pt x="3357546" y="1750970"/>
                </a:lnTo>
                <a:lnTo>
                  <a:pt x="3285993" y="1750970"/>
                </a:lnTo>
                <a:lnTo>
                  <a:pt x="3285993" y="1772664"/>
                </a:lnTo>
                <a:lnTo>
                  <a:pt x="3357546" y="1772664"/>
                </a:lnTo>
                <a:lnTo>
                  <a:pt x="3357546" y="1842251"/>
                </a:lnTo>
                <a:lnTo>
                  <a:pt x="3379240" y="1842251"/>
                </a:lnTo>
                <a:lnTo>
                  <a:pt x="3379240" y="1772664"/>
                </a:lnTo>
                <a:lnTo>
                  <a:pt x="3450793" y="1772664"/>
                </a:lnTo>
                <a:lnTo>
                  <a:pt x="3450793" y="1750970"/>
                </a:lnTo>
                <a:lnTo>
                  <a:pt x="3379240" y="1750970"/>
                </a:lnTo>
                <a:lnTo>
                  <a:pt x="3379240" y="1681383"/>
                </a:lnTo>
                <a:close/>
                <a:moveTo>
                  <a:pt x="298329" y="1681383"/>
                </a:moveTo>
                <a:lnTo>
                  <a:pt x="298329" y="1750970"/>
                </a:lnTo>
                <a:lnTo>
                  <a:pt x="226776" y="1750970"/>
                </a:lnTo>
                <a:lnTo>
                  <a:pt x="226776" y="1772664"/>
                </a:lnTo>
                <a:lnTo>
                  <a:pt x="298329" y="1772664"/>
                </a:lnTo>
                <a:lnTo>
                  <a:pt x="298329" y="1842251"/>
                </a:lnTo>
                <a:lnTo>
                  <a:pt x="320023" y="1842251"/>
                </a:lnTo>
                <a:lnTo>
                  <a:pt x="320023" y="1772664"/>
                </a:lnTo>
                <a:lnTo>
                  <a:pt x="391576" y="1772664"/>
                </a:lnTo>
                <a:lnTo>
                  <a:pt x="391576" y="1750970"/>
                </a:lnTo>
                <a:lnTo>
                  <a:pt x="320023" y="1750970"/>
                </a:lnTo>
                <a:lnTo>
                  <a:pt x="320023" y="1681383"/>
                </a:lnTo>
                <a:close/>
                <a:moveTo>
                  <a:pt x="3357482" y="220251"/>
                </a:moveTo>
                <a:lnTo>
                  <a:pt x="3357482" y="289838"/>
                </a:lnTo>
                <a:lnTo>
                  <a:pt x="3285929" y="289838"/>
                </a:lnTo>
                <a:lnTo>
                  <a:pt x="3285929" y="311532"/>
                </a:lnTo>
                <a:lnTo>
                  <a:pt x="3357482" y="311532"/>
                </a:lnTo>
                <a:lnTo>
                  <a:pt x="3357482" y="381119"/>
                </a:lnTo>
                <a:lnTo>
                  <a:pt x="3379176" y="381119"/>
                </a:lnTo>
                <a:lnTo>
                  <a:pt x="3379176" y="311532"/>
                </a:lnTo>
                <a:lnTo>
                  <a:pt x="3450730" y="311532"/>
                </a:lnTo>
                <a:lnTo>
                  <a:pt x="3450730" y="289838"/>
                </a:lnTo>
                <a:lnTo>
                  <a:pt x="3379176" y="289838"/>
                </a:lnTo>
                <a:lnTo>
                  <a:pt x="3379176" y="220251"/>
                </a:lnTo>
                <a:close/>
                <a:moveTo>
                  <a:pt x="298265" y="220251"/>
                </a:moveTo>
                <a:lnTo>
                  <a:pt x="298265" y="289838"/>
                </a:lnTo>
                <a:lnTo>
                  <a:pt x="226712" y="289838"/>
                </a:lnTo>
                <a:lnTo>
                  <a:pt x="226712" y="311532"/>
                </a:lnTo>
                <a:lnTo>
                  <a:pt x="298265" y="311532"/>
                </a:lnTo>
                <a:lnTo>
                  <a:pt x="298265" y="381119"/>
                </a:lnTo>
                <a:lnTo>
                  <a:pt x="319960" y="381119"/>
                </a:lnTo>
                <a:lnTo>
                  <a:pt x="319960" y="311532"/>
                </a:lnTo>
                <a:lnTo>
                  <a:pt x="391513" y="311532"/>
                </a:lnTo>
                <a:lnTo>
                  <a:pt x="391513" y="289838"/>
                </a:lnTo>
                <a:lnTo>
                  <a:pt x="319960" y="289838"/>
                </a:lnTo>
                <a:lnTo>
                  <a:pt x="319960" y="220251"/>
                </a:lnTo>
                <a:close/>
                <a:moveTo>
                  <a:pt x="0" y="0"/>
                </a:moveTo>
                <a:lnTo>
                  <a:pt x="3679154" y="0"/>
                </a:lnTo>
                <a:lnTo>
                  <a:pt x="3679154" y="2070548"/>
                </a:lnTo>
                <a:lnTo>
                  <a:pt x="0" y="2070548"/>
                </a:lnTo>
                <a:close/>
              </a:path>
            </a:pathLst>
          </a:custGeom>
          <a:solidFill>
            <a:schemeClr val="accent4"/>
          </a:solidFill>
          <a:ln>
            <a:noFill/>
          </a:ln>
        </p:spPr>
        <p:txBody>
          <a:bodyPr wrap="square">
            <a:noAutofit/>
          </a:bodyPr>
          <a:lstStyle>
            <a:lvl1pPr marL="0" indent="0" algn="ctr">
              <a:buNone/>
              <a:defRPr sz="1200">
                <a:solidFill>
                  <a:schemeClr val="bg2"/>
                </a:solidFill>
              </a:defRPr>
            </a:lvl1pPr>
          </a:lstStyle>
          <a:p>
            <a:br>
              <a:rPr lang="en-US" dirty="0"/>
            </a:br>
            <a:r>
              <a:rPr lang="en-US" dirty="0"/>
              <a:t>CLICK ICON TO ADD PICTURE</a:t>
            </a:r>
          </a:p>
        </p:txBody>
      </p:sp>
      <p:sp>
        <p:nvSpPr>
          <p:cNvPr id="24" name="Picture Placeholder 23">
            <a:extLst>
              <a:ext uri="{FF2B5EF4-FFF2-40B4-BE49-F238E27FC236}">
                <a16:creationId xmlns:a16="http://schemas.microsoft.com/office/drawing/2014/main" id="{6933308F-2666-396A-A526-2824913279E1}"/>
              </a:ext>
            </a:extLst>
          </p:cNvPr>
          <p:cNvSpPr>
            <a:spLocks noGrp="1"/>
          </p:cNvSpPr>
          <p:nvPr>
            <p:ph type="pic" sz="quarter" idx="22" hasCustomPrompt="1"/>
          </p:nvPr>
        </p:nvSpPr>
        <p:spPr>
          <a:xfrm>
            <a:off x="4243388" y="3876561"/>
            <a:ext cx="3703636" cy="2067039"/>
          </a:xfrm>
          <a:custGeom>
            <a:avLst/>
            <a:gdLst>
              <a:gd name="connsiteX0" fmla="*/ 3357546 w 3679154"/>
              <a:gd name="connsiteY0" fmla="*/ 1681383 h 2070548"/>
              <a:gd name="connsiteX1" fmla="*/ 3357546 w 3679154"/>
              <a:gd name="connsiteY1" fmla="*/ 1750970 h 2070548"/>
              <a:gd name="connsiteX2" fmla="*/ 3285993 w 3679154"/>
              <a:gd name="connsiteY2" fmla="*/ 1750970 h 2070548"/>
              <a:gd name="connsiteX3" fmla="*/ 3285993 w 3679154"/>
              <a:gd name="connsiteY3" fmla="*/ 1772664 h 2070548"/>
              <a:gd name="connsiteX4" fmla="*/ 3357546 w 3679154"/>
              <a:gd name="connsiteY4" fmla="*/ 1772664 h 2070548"/>
              <a:gd name="connsiteX5" fmla="*/ 3357546 w 3679154"/>
              <a:gd name="connsiteY5" fmla="*/ 1842251 h 2070548"/>
              <a:gd name="connsiteX6" fmla="*/ 3379240 w 3679154"/>
              <a:gd name="connsiteY6" fmla="*/ 1842251 h 2070548"/>
              <a:gd name="connsiteX7" fmla="*/ 3379240 w 3679154"/>
              <a:gd name="connsiteY7" fmla="*/ 1772664 h 2070548"/>
              <a:gd name="connsiteX8" fmla="*/ 3450793 w 3679154"/>
              <a:gd name="connsiteY8" fmla="*/ 1772664 h 2070548"/>
              <a:gd name="connsiteX9" fmla="*/ 3450793 w 3679154"/>
              <a:gd name="connsiteY9" fmla="*/ 1750970 h 2070548"/>
              <a:gd name="connsiteX10" fmla="*/ 3379240 w 3679154"/>
              <a:gd name="connsiteY10" fmla="*/ 1750970 h 2070548"/>
              <a:gd name="connsiteX11" fmla="*/ 3379240 w 3679154"/>
              <a:gd name="connsiteY11" fmla="*/ 1681383 h 2070548"/>
              <a:gd name="connsiteX12" fmla="*/ 298329 w 3679154"/>
              <a:gd name="connsiteY12" fmla="*/ 1681383 h 2070548"/>
              <a:gd name="connsiteX13" fmla="*/ 298329 w 3679154"/>
              <a:gd name="connsiteY13" fmla="*/ 1750970 h 2070548"/>
              <a:gd name="connsiteX14" fmla="*/ 226776 w 3679154"/>
              <a:gd name="connsiteY14" fmla="*/ 1750970 h 2070548"/>
              <a:gd name="connsiteX15" fmla="*/ 226776 w 3679154"/>
              <a:gd name="connsiteY15" fmla="*/ 1772664 h 2070548"/>
              <a:gd name="connsiteX16" fmla="*/ 298329 w 3679154"/>
              <a:gd name="connsiteY16" fmla="*/ 1772664 h 2070548"/>
              <a:gd name="connsiteX17" fmla="*/ 298329 w 3679154"/>
              <a:gd name="connsiteY17" fmla="*/ 1842251 h 2070548"/>
              <a:gd name="connsiteX18" fmla="*/ 320023 w 3679154"/>
              <a:gd name="connsiteY18" fmla="*/ 1842251 h 2070548"/>
              <a:gd name="connsiteX19" fmla="*/ 320023 w 3679154"/>
              <a:gd name="connsiteY19" fmla="*/ 1772664 h 2070548"/>
              <a:gd name="connsiteX20" fmla="*/ 391576 w 3679154"/>
              <a:gd name="connsiteY20" fmla="*/ 1772664 h 2070548"/>
              <a:gd name="connsiteX21" fmla="*/ 391576 w 3679154"/>
              <a:gd name="connsiteY21" fmla="*/ 1750970 h 2070548"/>
              <a:gd name="connsiteX22" fmla="*/ 320023 w 3679154"/>
              <a:gd name="connsiteY22" fmla="*/ 1750970 h 2070548"/>
              <a:gd name="connsiteX23" fmla="*/ 320023 w 3679154"/>
              <a:gd name="connsiteY23" fmla="*/ 1681383 h 2070548"/>
              <a:gd name="connsiteX24" fmla="*/ 3357482 w 3679154"/>
              <a:gd name="connsiteY24" fmla="*/ 220251 h 2070548"/>
              <a:gd name="connsiteX25" fmla="*/ 3357482 w 3679154"/>
              <a:gd name="connsiteY25" fmla="*/ 289838 h 2070548"/>
              <a:gd name="connsiteX26" fmla="*/ 3285929 w 3679154"/>
              <a:gd name="connsiteY26" fmla="*/ 289838 h 2070548"/>
              <a:gd name="connsiteX27" fmla="*/ 3285929 w 3679154"/>
              <a:gd name="connsiteY27" fmla="*/ 311532 h 2070548"/>
              <a:gd name="connsiteX28" fmla="*/ 3357482 w 3679154"/>
              <a:gd name="connsiteY28" fmla="*/ 311532 h 2070548"/>
              <a:gd name="connsiteX29" fmla="*/ 3357482 w 3679154"/>
              <a:gd name="connsiteY29" fmla="*/ 381119 h 2070548"/>
              <a:gd name="connsiteX30" fmla="*/ 3379176 w 3679154"/>
              <a:gd name="connsiteY30" fmla="*/ 381119 h 2070548"/>
              <a:gd name="connsiteX31" fmla="*/ 3379176 w 3679154"/>
              <a:gd name="connsiteY31" fmla="*/ 311532 h 2070548"/>
              <a:gd name="connsiteX32" fmla="*/ 3450730 w 3679154"/>
              <a:gd name="connsiteY32" fmla="*/ 311532 h 2070548"/>
              <a:gd name="connsiteX33" fmla="*/ 3450730 w 3679154"/>
              <a:gd name="connsiteY33" fmla="*/ 289838 h 2070548"/>
              <a:gd name="connsiteX34" fmla="*/ 3379176 w 3679154"/>
              <a:gd name="connsiteY34" fmla="*/ 289838 h 2070548"/>
              <a:gd name="connsiteX35" fmla="*/ 3379176 w 3679154"/>
              <a:gd name="connsiteY35" fmla="*/ 220251 h 2070548"/>
              <a:gd name="connsiteX36" fmla="*/ 298265 w 3679154"/>
              <a:gd name="connsiteY36" fmla="*/ 220251 h 2070548"/>
              <a:gd name="connsiteX37" fmla="*/ 298265 w 3679154"/>
              <a:gd name="connsiteY37" fmla="*/ 289838 h 2070548"/>
              <a:gd name="connsiteX38" fmla="*/ 226712 w 3679154"/>
              <a:gd name="connsiteY38" fmla="*/ 289838 h 2070548"/>
              <a:gd name="connsiteX39" fmla="*/ 226712 w 3679154"/>
              <a:gd name="connsiteY39" fmla="*/ 311532 h 2070548"/>
              <a:gd name="connsiteX40" fmla="*/ 298265 w 3679154"/>
              <a:gd name="connsiteY40" fmla="*/ 311532 h 2070548"/>
              <a:gd name="connsiteX41" fmla="*/ 298265 w 3679154"/>
              <a:gd name="connsiteY41" fmla="*/ 381119 h 2070548"/>
              <a:gd name="connsiteX42" fmla="*/ 319960 w 3679154"/>
              <a:gd name="connsiteY42" fmla="*/ 381119 h 2070548"/>
              <a:gd name="connsiteX43" fmla="*/ 319960 w 3679154"/>
              <a:gd name="connsiteY43" fmla="*/ 311532 h 2070548"/>
              <a:gd name="connsiteX44" fmla="*/ 391513 w 3679154"/>
              <a:gd name="connsiteY44" fmla="*/ 311532 h 2070548"/>
              <a:gd name="connsiteX45" fmla="*/ 391513 w 3679154"/>
              <a:gd name="connsiteY45" fmla="*/ 289838 h 2070548"/>
              <a:gd name="connsiteX46" fmla="*/ 319960 w 3679154"/>
              <a:gd name="connsiteY46" fmla="*/ 289838 h 2070548"/>
              <a:gd name="connsiteX47" fmla="*/ 319960 w 3679154"/>
              <a:gd name="connsiteY47" fmla="*/ 220251 h 2070548"/>
              <a:gd name="connsiteX48" fmla="*/ 0 w 3679154"/>
              <a:gd name="connsiteY48" fmla="*/ 0 h 2070548"/>
              <a:gd name="connsiteX49" fmla="*/ 3679154 w 3679154"/>
              <a:gd name="connsiteY49" fmla="*/ 0 h 2070548"/>
              <a:gd name="connsiteX50" fmla="*/ 3679154 w 3679154"/>
              <a:gd name="connsiteY50" fmla="*/ 2070548 h 2070548"/>
              <a:gd name="connsiteX51" fmla="*/ 0 w 3679154"/>
              <a:gd name="connsiteY51" fmla="*/ 2070548 h 20705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79154" h="2070548">
                <a:moveTo>
                  <a:pt x="3357546" y="1681383"/>
                </a:moveTo>
                <a:lnTo>
                  <a:pt x="3357546" y="1750970"/>
                </a:lnTo>
                <a:lnTo>
                  <a:pt x="3285993" y="1750970"/>
                </a:lnTo>
                <a:lnTo>
                  <a:pt x="3285993" y="1772664"/>
                </a:lnTo>
                <a:lnTo>
                  <a:pt x="3357546" y="1772664"/>
                </a:lnTo>
                <a:lnTo>
                  <a:pt x="3357546" y="1842251"/>
                </a:lnTo>
                <a:lnTo>
                  <a:pt x="3379240" y="1842251"/>
                </a:lnTo>
                <a:lnTo>
                  <a:pt x="3379240" y="1772664"/>
                </a:lnTo>
                <a:lnTo>
                  <a:pt x="3450793" y="1772664"/>
                </a:lnTo>
                <a:lnTo>
                  <a:pt x="3450793" y="1750970"/>
                </a:lnTo>
                <a:lnTo>
                  <a:pt x="3379240" y="1750970"/>
                </a:lnTo>
                <a:lnTo>
                  <a:pt x="3379240" y="1681383"/>
                </a:lnTo>
                <a:close/>
                <a:moveTo>
                  <a:pt x="298329" y="1681383"/>
                </a:moveTo>
                <a:lnTo>
                  <a:pt x="298329" y="1750970"/>
                </a:lnTo>
                <a:lnTo>
                  <a:pt x="226776" y="1750970"/>
                </a:lnTo>
                <a:lnTo>
                  <a:pt x="226776" y="1772664"/>
                </a:lnTo>
                <a:lnTo>
                  <a:pt x="298329" y="1772664"/>
                </a:lnTo>
                <a:lnTo>
                  <a:pt x="298329" y="1842251"/>
                </a:lnTo>
                <a:lnTo>
                  <a:pt x="320023" y="1842251"/>
                </a:lnTo>
                <a:lnTo>
                  <a:pt x="320023" y="1772664"/>
                </a:lnTo>
                <a:lnTo>
                  <a:pt x="391576" y="1772664"/>
                </a:lnTo>
                <a:lnTo>
                  <a:pt x="391576" y="1750970"/>
                </a:lnTo>
                <a:lnTo>
                  <a:pt x="320023" y="1750970"/>
                </a:lnTo>
                <a:lnTo>
                  <a:pt x="320023" y="1681383"/>
                </a:lnTo>
                <a:close/>
                <a:moveTo>
                  <a:pt x="3357482" y="220251"/>
                </a:moveTo>
                <a:lnTo>
                  <a:pt x="3357482" y="289838"/>
                </a:lnTo>
                <a:lnTo>
                  <a:pt x="3285929" y="289838"/>
                </a:lnTo>
                <a:lnTo>
                  <a:pt x="3285929" y="311532"/>
                </a:lnTo>
                <a:lnTo>
                  <a:pt x="3357482" y="311532"/>
                </a:lnTo>
                <a:lnTo>
                  <a:pt x="3357482" y="381119"/>
                </a:lnTo>
                <a:lnTo>
                  <a:pt x="3379176" y="381119"/>
                </a:lnTo>
                <a:lnTo>
                  <a:pt x="3379176" y="311532"/>
                </a:lnTo>
                <a:lnTo>
                  <a:pt x="3450730" y="311532"/>
                </a:lnTo>
                <a:lnTo>
                  <a:pt x="3450730" y="289838"/>
                </a:lnTo>
                <a:lnTo>
                  <a:pt x="3379176" y="289838"/>
                </a:lnTo>
                <a:lnTo>
                  <a:pt x="3379176" y="220251"/>
                </a:lnTo>
                <a:close/>
                <a:moveTo>
                  <a:pt x="298265" y="220251"/>
                </a:moveTo>
                <a:lnTo>
                  <a:pt x="298265" y="289838"/>
                </a:lnTo>
                <a:lnTo>
                  <a:pt x="226712" y="289838"/>
                </a:lnTo>
                <a:lnTo>
                  <a:pt x="226712" y="311532"/>
                </a:lnTo>
                <a:lnTo>
                  <a:pt x="298265" y="311532"/>
                </a:lnTo>
                <a:lnTo>
                  <a:pt x="298265" y="381119"/>
                </a:lnTo>
                <a:lnTo>
                  <a:pt x="319960" y="381119"/>
                </a:lnTo>
                <a:lnTo>
                  <a:pt x="319960" y="311532"/>
                </a:lnTo>
                <a:lnTo>
                  <a:pt x="391513" y="311532"/>
                </a:lnTo>
                <a:lnTo>
                  <a:pt x="391513" y="289838"/>
                </a:lnTo>
                <a:lnTo>
                  <a:pt x="319960" y="289838"/>
                </a:lnTo>
                <a:lnTo>
                  <a:pt x="319960" y="220251"/>
                </a:lnTo>
                <a:close/>
                <a:moveTo>
                  <a:pt x="0" y="0"/>
                </a:moveTo>
                <a:lnTo>
                  <a:pt x="3679154" y="0"/>
                </a:lnTo>
                <a:lnTo>
                  <a:pt x="3679154" y="2070548"/>
                </a:lnTo>
                <a:lnTo>
                  <a:pt x="0" y="2070548"/>
                </a:lnTo>
                <a:close/>
              </a:path>
            </a:pathLst>
          </a:custGeom>
          <a:solidFill>
            <a:schemeClr val="accent4"/>
          </a:solidFill>
          <a:ln>
            <a:noFill/>
          </a:ln>
        </p:spPr>
        <p:txBody>
          <a:bodyPr wrap="square">
            <a:noAutofit/>
          </a:bodyPr>
          <a:lstStyle>
            <a:lvl1pPr algn="ctr">
              <a:defRPr sz="1200">
                <a:solidFill>
                  <a:schemeClr val="bg2"/>
                </a:solidFill>
              </a:defRPr>
            </a:lvl1pPr>
          </a:lstStyle>
          <a:p>
            <a:br>
              <a:rPr lang="en-US" dirty="0"/>
            </a:br>
            <a:r>
              <a:rPr lang="en-US" dirty="0"/>
              <a:t>CLICK ICON TO ADD PICTURE</a:t>
            </a: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80876D98-63D9-0146-AFD6-3777B3BFDB4F}"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9" name="Title 8">
            <a:extLst>
              <a:ext uri="{FF2B5EF4-FFF2-40B4-BE49-F238E27FC236}">
                <a16:creationId xmlns:a16="http://schemas.microsoft.com/office/drawing/2014/main" id="{AE78DB01-7A3A-15CA-5A77-92340997605C}"/>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Tree>
    <p:extLst>
      <p:ext uri="{BB962C8B-B14F-4D97-AF65-F5344CB8AC3E}">
        <p14:creationId xmlns:p14="http://schemas.microsoft.com/office/powerpoint/2010/main" val="378793461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J. Imag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204CFEDC-F0E3-A1D9-C648-F98E7FD8F268}"/>
              </a:ext>
            </a:extLst>
          </p:cNvPr>
          <p:cNvSpPr/>
          <p:nvPr userDrawn="1"/>
        </p:nvSpPr>
        <p:spPr>
          <a:xfrm>
            <a:off x="371931" y="1639614"/>
            <a:ext cx="3558938" cy="4206015"/>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9" name="Rectangle 8">
            <a:extLst>
              <a:ext uri="{FF2B5EF4-FFF2-40B4-BE49-F238E27FC236}">
                <a16:creationId xmlns:a16="http://schemas.microsoft.com/office/drawing/2014/main" id="{8324573B-341E-9878-C125-D393039F6F21}"/>
              </a:ext>
            </a:extLst>
          </p:cNvPr>
          <p:cNvSpPr/>
          <p:nvPr userDrawn="1"/>
        </p:nvSpPr>
        <p:spPr>
          <a:xfrm>
            <a:off x="4265678" y="1553549"/>
            <a:ext cx="3660646" cy="429208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a:extLst>
              <a:ext uri="{FF2B5EF4-FFF2-40B4-BE49-F238E27FC236}">
                <a16:creationId xmlns:a16="http://schemas.microsoft.com/office/drawing/2014/main" id="{7CD17B26-FF6B-1C0D-89DA-466F228C02F6}"/>
              </a:ext>
            </a:extLst>
          </p:cNvPr>
          <p:cNvSpPr/>
          <p:nvPr userDrawn="1"/>
        </p:nvSpPr>
        <p:spPr>
          <a:xfrm>
            <a:off x="8303172" y="1639613"/>
            <a:ext cx="3405352" cy="4206015"/>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Picture Placeholder 17">
            <a:extLst>
              <a:ext uri="{FF2B5EF4-FFF2-40B4-BE49-F238E27FC236}">
                <a16:creationId xmlns:a16="http://schemas.microsoft.com/office/drawing/2014/main" id="{FC3D31B6-3B20-0683-7FB6-5657CB6B3805}"/>
              </a:ext>
            </a:extLst>
          </p:cNvPr>
          <p:cNvSpPr>
            <a:spLocks noGrp="1"/>
          </p:cNvSpPr>
          <p:nvPr>
            <p:ph type="pic" sz="quarter" idx="10" hasCustomPrompt="1"/>
          </p:nvPr>
        </p:nvSpPr>
        <p:spPr>
          <a:xfrm>
            <a:off x="357189" y="1552542"/>
            <a:ext cx="3706811" cy="4389437"/>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bg2"/>
          </a:solidFill>
        </p:spPr>
        <p:txBody>
          <a:bodyPr wrap="square">
            <a:noAutofit/>
          </a:bodyPr>
          <a:lstStyle>
            <a:lvl1pPr marL="0" indent="0" algn="ctr">
              <a:buNone/>
              <a:defRPr sz="1600">
                <a:solidFill>
                  <a:schemeClr val="tx2"/>
                </a:solidFill>
              </a:defRPr>
            </a:lvl1pPr>
          </a:lstStyle>
          <a:p>
            <a:br>
              <a:rPr lang="en-US" dirty="0"/>
            </a:br>
            <a:br>
              <a:rPr lang="en-US" dirty="0"/>
            </a:br>
            <a:r>
              <a:rPr lang="en-US" dirty="0"/>
              <a:t>CLICK ICON TO ADD PICTURE</a:t>
            </a:r>
          </a:p>
        </p:txBody>
      </p:sp>
      <p:sp>
        <p:nvSpPr>
          <p:cNvPr id="11" name="Picture Placeholder 17">
            <a:extLst>
              <a:ext uri="{FF2B5EF4-FFF2-40B4-BE49-F238E27FC236}">
                <a16:creationId xmlns:a16="http://schemas.microsoft.com/office/drawing/2014/main" id="{04BCAEB3-F769-4859-0D2F-4C691DB9F5DD}"/>
              </a:ext>
            </a:extLst>
          </p:cNvPr>
          <p:cNvSpPr>
            <a:spLocks noGrp="1"/>
          </p:cNvSpPr>
          <p:nvPr>
            <p:ph type="pic" sz="quarter" idx="19" hasCustomPrompt="1"/>
          </p:nvPr>
        </p:nvSpPr>
        <p:spPr>
          <a:xfrm>
            <a:off x="4243388" y="1552542"/>
            <a:ext cx="3706811" cy="4389437"/>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bg2"/>
          </a:solidFill>
        </p:spPr>
        <p:txBody>
          <a:bodyPr wrap="square">
            <a:noAutofit/>
          </a:bodyPr>
          <a:lstStyle>
            <a:lvl1pPr marL="0" indent="0" algn="ctr">
              <a:buNone/>
              <a:defRPr sz="1600">
                <a:solidFill>
                  <a:schemeClr val="tx2"/>
                </a:solidFill>
              </a:defRPr>
            </a:lvl1pPr>
          </a:lstStyle>
          <a:p>
            <a:br>
              <a:rPr lang="en-US" dirty="0"/>
            </a:br>
            <a:br>
              <a:rPr lang="en-US" dirty="0"/>
            </a:br>
            <a:r>
              <a:rPr lang="en-US" dirty="0"/>
              <a:t>CLICK ICON TO ADD PICTURE</a:t>
            </a:r>
          </a:p>
        </p:txBody>
      </p:sp>
      <p:sp>
        <p:nvSpPr>
          <p:cNvPr id="13" name="Picture Placeholder 17">
            <a:extLst>
              <a:ext uri="{FF2B5EF4-FFF2-40B4-BE49-F238E27FC236}">
                <a16:creationId xmlns:a16="http://schemas.microsoft.com/office/drawing/2014/main" id="{9A24F4A1-CC1D-F314-01FF-8BC02ECDAEE9}"/>
              </a:ext>
            </a:extLst>
          </p:cNvPr>
          <p:cNvSpPr>
            <a:spLocks noGrp="1"/>
          </p:cNvSpPr>
          <p:nvPr>
            <p:ph type="pic" sz="quarter" idx="20" hasCustomPrompt="1"/>
          </p:nvPr>
        </p:nvSpPr>
        <p:spPr>
          <a:xfrm>
            <a:off x="8128000" y="1552542"/>
            <a:ext cx="3706811" cy="4389437"/>
          </a:xfrm>
          <a:custGeom>
            <a:avLst/>
            <a:gdLst>
              <a:gd name="connsiteX0" fmla="*/ 3341028 w 3660647"/>
              <a:gd name="connsiteY0" fmla="*/ 4003063 h 4389437"/>
              <a:gd name="connsiteX1" fmla="*/ 3341028 w 3660647"/>
              <a:gd name="connsiteY1" fmla="*/ 4072272 h 4389437"/>
              <a:gd name="connsiteX2" fmla="*/ 3269863 w 3660647"/>
              <a:gd name="connsiteY2" fmla="*/ 4072272 h 4389437"/>
              <a:gd name="connsiteX3" fmla="*/ 3269863 w 3660647"/>
              <a:gd name="connsiteY3" fmla="*/ 4093848 h 4389437"/>
              <a:gd name="connsiteX4" fmla="*/ 3341028 w 3660647"/>
              <a:gd name="connsiteY4" fmla="*/ 4093848 h 4389437"/>
              <a:gd name="connsiteX5" fmla="*/ 3341028 w 3660647"/>
              <a:gd name="connsiteY5" fmla="*/ 4163057 h 4389437"/>
              <a:gd name="connsiteX6" fmla="*/ 3362605 w 3660647"/>
              <a:gd name="connsiteY6" fmla="*/ 4163057 h 4389437"/>
              <a:gd name="connsiteX7" fmla="*/ 3362605 w 3660647"/>
              <a:gd name="connsiteY7" fmla="*/ 4093848 h 4389437"/>
              <a:gd name="connsiteX8" fmla="*/ 3433770 w 3660647"/>
              <a:gd name="connsiteY8" fmla="*/ 4093848 h 4389437"/>
              <a:gd name="connsiteX9" fmla="*/ 3433770 w 3660647"/>
              <a:gd name="connsiteY9" fmla="*/ 4072272 h 4389437"/>
              <a:gd name="connsiteX10" fmla="*/ 3362605 w 3660647"/>
              <a:gd name="connsiteY10" fmla="*/ 4072272 h 4389437"/>
              <a:gd name="connsiteX11" fmla="*/ 3362605 w 3660647"/>
              <a:gd name="connsiteY11" fmla="*/ 4003063 h 4389437"/>
              <a:gd name="connsiteX12" fmla="*/ 298350 w 3660647"/>
              <a:gd name="connsiteY12" fmla="*/ 4003063 h 4389437"/>
              <a:gd name="connsiteX13" fmla="*/ 298350 w 3660647"/>
              <a:gd name="connsiteY13" fmla="*/ 4072272 h 4389437"/>
              <a:gd name="connsiteX14" fmla="*/ 227185 w 3660647"/>
              <a:gd name="connsiteY14" fmla="*/ 4072272 h 4389437"/>
              <a:gd name="connsiteX15" fmla="*/ 227185 w 3660647"/>
              <a:gd name="connsiteY15" fmla="*/ 4093848 h 4389437"/>
              <a:gd name="connsiteX16" fmla="*/ 298350 w 3660647"/>
              <a:gd name="connsiteY16" fmla="*/ 4093848 h 4389437"/>
              <a:gd name="connsiteX17" fmla="*/ 298350 w 3660647"/>
              <a:gd name="connsiteY17" fmla="*/ 4163057 h 4389437"/>
              <a:gd name="connsiteX18" fmla="*/ 319927 w 3660647"/>
              <a:gd name="connsiteY18" fmla="*/ 4163057 h 4389437"/>
              <a:gd name="connsiteX19" fmla="*/ 319927 w 3660647"/>
              <a:gd name="connsiteY19" fmla="*/ 4093848 h 4389437"/>
              <a:gd name="connsiteX20" fmla="*/ 391092 w 3660647"/>
              <a:gd name="connsiteY20" fmla="*/ 4093848 h 4389437"/>
              <a:gd name="connsiteX21" fmla="*/ 391092 w 3660647"/>
              <a:gd name="connsiteY21" fmla="*/ 4072272 h 4389437"/>
              <a:gd name="connsiteX22" fmla="*/ 319927 w 3660647"/>
              <a:gd name="connsiteY22" fmla="*/ 4072272 h 4389437"/>
              <a:gd name="connsiteX23" fmla="*/ 319927 w 3660647"/>
              <a:gd name="connsiteY23" fmla="*/ 4003063 h 4389437"/>
              <a:gd name="connsiteX24" fmla="*/ 3340965 w 3660647"/>
              <a:gd name="connsiteY24" fmla="*/ 226781 h 4389437"/>
              <a:gd name="connsiteX25" fmla="*/ 3340965 w 3660647"/>
              <a:gd name="connsiteY25" fmla="*/ 295990 h 4389437"/>
              <a:gd name="connsiteX26" fmla="*/ 3269800 w 3660647"/>
              <a:gd name="connsiteY26" fmla="*/ 295990 h 4389437"/>
              <a:gd name="connsiteX27" fmla="*/ 3269800 w 3660647"/>
              <a:gd name="connsiteY27" fmla="*/ 317567 h 4389437"/>
              <a:gd name="connsiteX28" fmla="*/ 3340965 w 3660647"/>
              <a:gd name="connsiteY28" fmla="*/ 317567 h 4389437"/>
              <a:gd name="connsiteX29" fmla="*/ 3340965 w 3660647"/>
              <a:gd name="connsiteY29" fmla="*/ 386776 h 4389437"/>
              <a:gd name="connsiteX30" fmla="*/ 3362541 w 3660647"/>
              <a:gd name="connsiteY30" fmla="*/ 386776 h 4389437"/>
              <a:gd name="connsiteX31" fmla="*/ 3362541 w 3660647"/>
              <a:gd name="connsiteY31" fmla="*/ 317567 h 4389437"/>
              <a:gd name="connsiteX32" fmla="*/ 3433706 w 3660647"/>
              <a:gd name="connsiteY32" fmla="*/ 317567 h 4389437"/>
              <a:gd name="connsiteX33" fmla="*/ 3433706 w 3660647"/>
              <a:gd name="connsiteY33" fmla="*/ 295990 h 4389437"/>
              <a:gd name="connsiteX34" fmla="*/ 3362541 w 3660647"/>
              <a:gd name="connsiteY34" fmla="*/ 295990 h 4389437"/>
              <a:gd name="connsiteX35" fmla="*/ 3362541 w 3660647"/>
              <a:gd name="connsiteY35" fmla="*/ 226781 h 4389437"/>
              <a:gd name="connsiteX36" fmla="*/ 298350 w 3660647"/>
              <a:gd name="connsiteY36" fmla="*/ 226781 h 4389437"/>
              <a:gd name="connsiteX37" fmla="*/ 298350 w 3660647"/>
              <a:gd name="connsiteY37" fmla="*/ 295990 h 4389437"/>
              <a:gd name="connsiteX38" fmla="*/ 227185 w 3660647"/>
              <a:gd name="connsiteY38" fmla="*/ 295990 h 4389437"/>
              <a:gd name="connsiteX39" fmla="*/ 227185 w 3660647"/>
              <a:gd name="connsiteY39" fmla="*/ 317567 h 4389437"/>
              <a:gd name="connsiteX40" fmla="*/ 298350 w 3660647"/>
              <a:gd name="connsiteY40" fmla="*/ 317567 h 4389437"/>
              <a:gd name="connsiteX41" fmla="*/ 298350 w 3660647"/>
              <a:gd name="connsiteY41" fmla="*/ 386776 h 4389437"/>
              <a:gd name="connsiteX42" fmla="*/ 319927 w 3660647"/>
              <a:gd name="connsiteY42" fmla="*/ 386776 h 4389437"/>
              <a:gd name="connsiteX43" fmla="*/ 319927 w 3660647"/>
              <a:gd name="connsiteY43" fmla="*/ 317567 h 4389437"/>
              <a:gd name="connsiteX44" fmla="*/ 391092 w 3660647"/>
              <a:gd name="connsiteY44" fmla="*/ 317567 h 4389437"/>
              <a:gd name="connsiteX45" fmla="*/ 391092 w 3660647"/>
              <a:gd name="connsiteY45" fmla="*/ 295990 h 4389437"/>
              <a:gd name="connsiteX46" fmla="*/ 319927 w 3660647"/>
              <a:gd name="connsiteY46" fmla="*/ 295990 h 4389437"/>
              <a:gd name="connsiteX47" fmla="*/ 319927 w 3660647"/>
              <a:gd name="connsiteY47" fmla="*/ 226781 h 4389437"/>
              <a:gd name="connsiteX48" fmla="*/ 0 w 3660647"/>
              <a:gd name="connsiteY48" fmla="*/ 0 h 4389437"/>
              <a:gd name="connsiteX49" fmla="*/ 3660647 w 3660647"/>
              <a:gd name="connsiteY49" fmla="*/ 0 h 4389437"/>
              <a:gd name="connsiteX50" fmla="*/ 3660647 w 3660647"/>
              <a:gd name="connsiteY50" fmla="*/ 4389437 h 4389437"/>
              <a:gd name="connsiteX51" fmla="*/ 0 w 3660647"/>
              <a:gd name="connsiteY51" fmla="*/ 4389437 h 4389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60647" h="4389437">
                <a:moveTo>
                  <a:pt x="3341028" y="4003063"/>
                </a:moveTo>
                <a:lnTo>
                  <a:pt x="3341028" y="4072272"/>
                </a:lnTo>
                <a:lnTo>
                  <a:pt x="3269863" y="4072272"/>
                </a:lnTo>
                <a:lnTo>
                  <a:pt x="3269863" y="4093848"/>
                </a:lnTo>
                <a:lnTo>
                  <a:pt x="3341028" y="4093848"/>
                </a:lnTo>
                <a:lnTo>
                  <a:pt x="3341028" y="4163057"/>
                </a:lnTo>
                <a:lnTo>
                  <a:pt x="3362605" y="4163057"/>
                </a:lnTo>
                <a:lnTo>
                  <a:pt x="3362605" y="4093848"/>
                </a:lnTo>
                <a:lnTo>
                  <a:pt x="3433770" y="4093848"/>
                </a:lnTo>
                <a:lnTo>
                  <a:pt x="3433770" y="4072272"/>
                </a:lnTo>
                <a:lnTo>
                  <a:pt x="3362605" y="4072272"/>
                </a:lnTo>
                <a:lnTo>
                  <a:pt x="3362605" y="4003063"/>
                </a:lnTo>
                <a:close/>
                <a:moveTo>
                  <a:pt x="298350" y="4003063"/>
                </a:moveTo>
                <a:lnTo>
                  <a:pt x="298350" y="4072272"/>
                </a:lnTo>
                <a:lnTo>
                  <a:pt x="227185" y="4072272"/>
                </a:lnTo>
                <a:lnTo>
                  <a:pt x="227185" y="4093848"/>
                </a:lnTo>
                <a:lnTo>
                  <a:pt x="298350" y="4093848"/>
                </a:lnTo>
                <a:lnTo>
                  <a:pt x="298350" y="4163057"/>
                </a:lnTo>
                <a:lnTo>
                  <a:pt x="319927" y="4163057"/>
                </a:lnTo>
                <a:lnTo>
                  <a:pt x="319927" y="4093848"/>
                </a:lnTo>
                <a:lnTo>
                  <a:pt x="391092" y="4093848"/>
                </a:lnTo>
                <a:lnTo>
                  <a:pt x="391092" y="4072272"/>
                </a:lnTo>
                <a:lnTo>
                  <a:pt x="319927" y="4072272"/>
                </a:lnTo>
                <a:lnTo>
                  <a:pt x="319927" y="4003063"/>
                </a:lnTo>
                <a:close/>
                <a:moveTo>
                  <a:pt x="3340965" y="226781"/>
                </a:moveTo>
                <a:lnTo>
                  <a:pt x="3340965" y="295990"/>
                </a:lnTo>
                <a:lnTo>
                  <a:pt x="3269800" y="295990"/>
                </a:lnTo>
                <a:lnTo>
                  <a:pt x="3269800" y="317567"/>
                </a:lnTo>
                <a:lnTo>
                  <a:pt x="3340965" y="317567"/>
                </a:lnTo>
                <a:lnTo>
                  <a:pt x="3340965" y="386776"/>
                </a:lnTo>
                <a:lnTo>
                  <a:pt x="3362541" y="386776"/>
                </a:lnTo>
                <a:lnTo>
                  <a:pt x="3362541" y="317567"/>
                </a:lnTo>
                <a:lnTo>
                  <a:pt x="3433706" y="317567"/>
                </a:lnTo>
                <a:lnTo>
                  <a:pt x="3433706" y="295990"/>
                </a:lnTo>
                <a:lnTo>
                  <a:pt x="3362541" y="295990"/>
                </a:lnTo>
                <a:lnTo>
                  <a:pt x="3362541" y="226781"/>
                </a:lnTo>
                <a:close/>
                <a:moveTo>
                  <a:pt x="298350" y="226781"/>
                </a:moveTo>
                <a:lnTo>
                  <a:pt x="298350" y="295990"/>
                </a:lnTo>
                <a:lnTo>
                  <a:pt x="227185" y="295990"/>
                </a:lnTo>
                <a:lnTo>
                  <a:pt x="227185" y="317567"/>
                </a:lnTo>
                <a:lnTo>
                  <a:pt x="298350" y="317567"/>
                </a:lnTo>
                <a:lnTo>
                  <a:pt x="298350" y="386776"/>
                </a:lnTo>
                <a:lnTo>
                  <a:pt x="319927" y="386776"/>
                </a:lnTo>
                <a:lnTo>
                  <a:pt x="319927" y="317567"/>
                </a:lnTo>
                <a:lnTo>
                  <a:pt x="391092" y="317567"/>
                </a:lnTo>
                <a:lnTo>
                  <a:pt x="391092" y="295990"/>
                </a:lnTo>
                <a:lnTo>
                  <a:pt x="319927" y="295990"/>
                </a:lnTo>
                <a:lnTo>
                  <a:pt x="319927" y="226781"/>
                </a:lnTo>
                <a:close/>
                <a:moveTo>
                  <a:pt x="0" y="0"/>
                </a:moveTo>
                <a:lnTo>
                  <a:pt x="3660647" y="0"/>
                </a:lnTo>
                <a:lnTo>
                  <a:pt x="3660647" y="4389437"/>
                </a:lnTo>
                <a:lnTo>
                  <a:pt x="0" y="4389437"/>
                </a:lnTo>
                <a:close/>
              </a:path>
            </a:pathLst>
          </a:custGeom>
          <a:solidFill>
            <a:schemeClr val="bg2"/>
          </a:solidFill>
        </p:spPr>
        <p:txBody>
          <a:bodyPr wrap="square">
            <a:noAutofit/>
          </a:bodyPr>
          <a:lstStyle>
            <a:lvl1pPr marL="0" indent="0" algn="ctr">
              <a:buNone/>
              <a:defRPr sz="1600">
                <a:solidFill>
                  <a:schemeClr val="tx2"/>
                </a:solidFill>
              </a:defRPr>
            </a:lvl1pPr>
          </a:lstStyle>
          <a:p>
            <a:br>
              <a:rPr lang="en-US" dirty="0"/>
            </a:br>
            <a:br>
              <a:rPr lang="en-US" dirty="0"/>
            </a:br>
            <a:r>
              <a:rPr lang="en-US" dirty="0"/>
              <a:t>CLICK ICON TO ADD PICTURE</a:t>
            </a: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3587ACF5-1C41-2444-9B16-64BFFC3F844C}" type="datetime1">
              <a:rPr lang="en-US" smtClean="0"/>
              <a:pPr/>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7" name="Title 6">
            <a:extLst>
              <a:ext uri="{FF2B5EF4-FFF2-40B4-BE49-F238E27FC236}">
                <a16:creationId xmlns:a16="http://schemas.microsoft.com/office/drawing/2014/main" id="{301ABE2E-E950-7CB6-B756-CD97D3895C54}"/>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Tree>
    <p:extLst>
      <p:ext uri="{BB962C8B-B14F-4D97-AF65-F5344CB8AC3E}">
        <p14:creationId xmlns:p14="http://schemas.microsoft.com/office/powerpoint/2010/main" val="760139830"/>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A. Quote">
    <p:spTree>
      <p:nvGrpSpPr>
        <p:cNvPr id="1" name=""/>
        <p:cNvGrpSpPr/>
        <p:nvPr/>
      </p:nvGrpSpPr>
      <p:grpSpPr>
        <a:xfrm>
          <a:off x="0" y="0"/>
          <a:ext cx="0" cy="0"/>
          <a:chOff x="0" y="0"/>
          <a:chExt cx="0" cy="0"/>
        </a:xfrm>
      </p:grpSpPr>
      <p:sp>
        <p:nvSpPr>
          <p:cNvPr id="32" name="Rectangle 31">
            <a:extLst>
              <a:ext uri="{FF2B5EF4-FFF2-40B4-BE49-F238E27FC236}">
                <a16:creationId xmlns:a16="http://schemas.microsoft.com/office/drawing/2014/main" id="{538F3043-5C43-EC6B-CF5A-E96435CAFB60}"/>
              </a:ext>
            </a:extLst>
          </p:cNvPr>
          <p:cNvSpPr/>
          <p:nvPr userDrawn="1"/>
        </p:nvSpPr>
        <p:spPr>
          <a:xfrm>
            <a:off x="367189" y="320970"/>
            <a:ext cx="11467623" cy="5620658"/>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1C7E3AB-338E-3E42-B5EB-56CA0C2FCC09}" type="datetime1">
              <a:rPr lang="en-US" smtClean="0"/>
              <a:pPr/>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33" name="Title 5">
            <a:extLst>
              <a:ext uri="{FF2B5EF4-FFF2-40B4-BE49-F238E27FC236}">
                <a16:creationId xmlns:a16="http://schemas.microsoft.com/office/drawing/2014/main" id="{A9AA9FC0-8E3A-5CFE-5AD0-7932688E984F}"/>
              </a:ext>
            </a:extLst>
          </p:cNvPr>
          <p:cNvSpPr>
            <a:spLocks noGrp="1"/>
          </p:cNvSpPr>
          <p:nvPr>
            <p:ph type="title" hasCustomPrompt="1"/>
          </p:nvPr>
        </p:nvSpPr>
        <p:spPr>
          <a:xfrm>
            <a:off x="734380" y="740710"/>
            <a:ext cx="7180792" cy="948389"/>
          </a:xfrm>
        </p:spPr>
        <p:txBody>
          <a:bodyPr/>
          <a:lstStyle>
            <a:lvl1pPr>
              <a:defRPr sz="4500" b="0">
                <a:solidFill>
                  <a:schemeClr val="accent3"/>
                </a:solidFill>
              </a:defRPr>
            </a:lvl1pPr>
          </a:lstStyle>
          <a:p>
            <a:r>
              <a:rPr lang="en-US" dirty="0"/>
              <a:t>A key thought, stat or quote goes here. Lorem ipsum dolor sit </a:t>
            </a:r>
            <a:r>
              <a:rPr lang="en-US" dirty="0" err="1"/>
              <a:t>amet</a:t>
            </a:r>
            <a:r>
              <a:rPr lang="en-US" dirty="0"/>
              <a:t>.</a:t>
            </a:r>
          </a:p>
        </p:txBody>
      </p:sp>
      <p:sp>
        <p:nvSpPr>
          <p:cNvPr id="35" name="Content Placeholder 2">
            <a:extLst>
              <a:ext uri="{FF2B5EF4-FFF2-40B4-BE49-F238E27FC236}">
                <a16:creationId xmlns:a16="http://schemas.microsoft.com/office/drawing/2014/main" id="{A89BE6BA-C2E6-AA7B-8A97-7E4DAC113720}"/>
              </a:ext>
            </a:extLst>
          </p:cNvPr>
          <p:cNvSpPr>
            <a:spLocks noGrp="1"/>
          </p:cNvSpPr>
          <p:nvPr>
            <p:ph idx="1" hasCustomPrompt="1"/>
          </p:nvPr>
        </p:nvSpPr>
        <p:spPr>
          <a:xfrm>
            <a:off x="734180" y="3286313"/>
            <a:ext cx="3602736" cy="285374"/>
          </a:xfrm>
        </p:spPr>
        <p:txBody>
          <a:bodyPr vert="horz" lIns="0" tIns="0" rIns="0" bIns="0" rtlCol="0">
            <a:noAutofit/>
          </a:bodyPr>
          <a:lstStyle>
            <a:lvl1pPr marL="0" indent="0">
              <a:lnSpc>
                <a:spcPts val="2400"/>
              </a:lnSpc>
              <a:buFontTx/>
              <a:buNone/>
              <a:defRPr lang="en-US" sz="1400" dirty="0">
                <a:solidFill>
                  <a:schemeClr val="tx2"/>
                </a:solidFill>
                <a:latin typeface="Consolas" panose="020B0609020204030204" pitchFamily="49" charset="0"/>
                <a:cs typeface="Consolas" panose="020B0609020204030204" pitchFamily="49" charset="0"/>
              </a:defRPr>
            </a:lvl1pPr>
            <a:lvl2pPr>
              <a:lnSpc>
                <a:spcPts val="2400"/>
              </a:lnSpc>
              <a:defRPr lang="en-US" sz="1600" dirty="0">
                <a:solidFill>
                  <a:schemeClr val="tx1"/>
                </a:solidFill>
              </a:defRPr>
            </a:lvl2pPr>
            <a:lvl3pPr>
              <a:lnSpc>
                <a:spcPts val="2400"/>
              </a:lnSpc>
              <a:defRPr lang="en-US" sz="1600" dirty="0">
                <a:solidFill>
                  <a:schemeClr val="tx1"/>
                </a:solidFill>
              </a:defRPr>
            </a:lvl3pPr>
            <a:lvl4pPr marL="347472" indent="-173736">
              <a:defRPr lang="en-US" dirty="0">
                <a:solidFill>
                  <a:schemeClr val="tx1"/>
                </a:solidFill>
              </a:defRPr>
            </a:lvl4pPr>
            <a:lvl5pPr>
              <a:defRPr lang="en-US" dirty="0">
                <a:solidFill>
                  <a:schemeClr val="tx1"/>
                </a:solidFill>
              </a:defRPr>
            </a:lvl5pPr>
          </a:lstStyle>
          <a:p>
            <a:pPr lvl="0"/>
            <a:r>
              <a:rPr lang="en-US" dirty="0"/>
              <a:t>SHORT CAPTION GOES HERE</a:t>
            </a:r>
          </a:p>
        </p:txBody>
      </p:sp>
      <p:pic>
        <p:nvPicPr>
          <p:cNvPr id="37" name="Graphic 36">
            <a:extLst>
              <a:ext uri="{FF2B5EF4-FFF2-40B4-BE49-F238E27FC236}">
                <a16:creationId xmlns:a16="http://schemas.microsoft.com/office/drawing/2014/main" id="{7C4E68C8-1BD0-A30F-D0BF-BEB6B0EDE213}"/>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40167" y="195661"/>
            <a:ext cx="254043" cy="248397"/>
          </a:xfrm>
          <a:prstGeom prst="rect">
            <a:avLst/>
          </a:prstGeom>
        </p:spPr>
      </p:pic>
      <p:pic>
        <p:nvPicPr>
          <p:cNvPr id="38" name="Graphic 37">
            <a:extLst>
              <a:ext uri="{FF2B5EF4-FFF2-40B4-BE49-F238E27FC236}">
                <a16:creationId xmlns:a16="http://schemas.microsoft.com/office/drawing/2014/main" id="{27469B7E-072F-6578-B6A7-11A6009F0FE0}"/>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40167" y="5810811"/>
            <a:ext cx="254043" cy="248397"/>
          </a:xfrm>
          <a:prstGeom prst="rect">
            <a:avLst/>
          </a:prstGeom>
        </p:spPr>
      </p:pic>
      <p:pic>
        <p:nvPicPr>
          <p:cNvPr id="39" name="Graphic 38">
            <a:extLst>
              <a:ext uri="{FF2B5EF4-FFF2-40B4-BE49-F238E27FC236}">
                <a16:creationId xmlns:a16="http://schemas.microsoft.com/office/drawing/2014/main" id="{DAE5958D-9F47-2312-85E2-4ABC0AA61813}"/>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708267" y="195661"/>
            <a:ext cx="254043" cy="248397"/>
          </a:xfrm>
          <a:prstGeom prst="rect">
            <a:avLst/>
          </a:prstGeom>
        </p:spPr>
      </p:pic>
      <p:pic>
        <p:nvPicPr>
          <p:cNvPr id="40" name="Graphic 39">
            <a:extLst>
              <a:ext uri="{FF2B5EF4-FFF2-40B4-BE49-F238E27FC236}">
                <a16:creationId xmlns:a16="http://schemas.microsoft.com/office/drawing/2014/main" id="{36A84E64-269B-626A-ED44-DBF92E10FD40}"/>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708267" y="5810811"/>
            <a:ext cx="254043" cy="248397"/>
          </a:xfrm>
          <a:prstGeom prst="rect">
            <a:avLst/>
          </a:prstGeom>
        </p:spPr>
      </p:pic>
    </p:spTree>
    <p:extLst>
      <p:ext uri="{BB962C8B-B14F-4D97-AF65-F5344CB8AC3E}">
        <p14:creationId xmlns:p14="http://schemas.microsoft.com/office/powerpoint/2010/main" val="2869317635"/>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 Quote">
    <p:spTree>
      <p:nvGrpSpPr>
        <p:cNvPr id="1" name=""/>
        <p:cNvGrpSpPr/>
        <p:nvPr/>
      </p:nvGrpSpPr>
      <p:grpSpPr>
        <a:xfrm>
          <a:off x="0" y="0"/>
          <a:ext cx="0" cy="0"/>
          <a:chOff x="0" y="0"/>
          <a:chExt cx="0" cy="0"/>
        </a:xfrm>
      </p:grpSpPr>
      <p:sp>
        <p:nvSpPr>
          <p:cNvPr id="32" name="Rectangle 31">
            <a:extLst>
              <a:ext uri="{FF2B5EF4-FFF2-40B4-BE49-F238E27FC236}">
                <a16:creationId xmlns:a16="http://schemas.microsoft.com/office/drawing/2014/main" id="{538F3043-5C43-EC6B-CF5A-E96435CAFB60}"/>
              </a:ext>
            </a:extLst>
          </p:cNvPr>
          <p:cNvSpPr/>
          <p:nvPr userDrawn="1"/>
        </p:nvSpPr>
        <p:spPr>
          <a:xfrm>
            <a:off x="367189" y="317500"/>
            <a:ext cx="11467623" cy="562412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accent3"/>
              </a:solidFill>
            </a:endParaRPr>
          </a:p>
        </p:txBody>
      </p:sp>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F8A402CC-2C05-E942-80F9-B6463A6FB507}" type="datetime1">
              <a:rPr lang="en-US" smtClean="0"/>
              <a:pPr/>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33" name="Title 5">
            <a:extLst>
              <a:ext uri="{FF2B5EF4-FFF2-40B4-BE49-F238E27FC236}">
                <a16:creationId xmlns:a16="http://schemas.microsoft.com/office/drawing/2014/main" id="{A9AA9FC0-8E3A-5CFE-5AD0-7932688E984F}"/>
              </a:ext>
            </a:extLst>
          </p:cNvPr>
          <p:cNvSpPr>
            <a:spLocks noGrp="1"/>
          </p:cNvSpPr>
          <p:nvPr>
            <p:ph type="title" hasCustomPrompt="1"/>
          </p:nvPr>
        </p:nvSpPr>
        <p:spPr>
          <a:xfrm>
            <a:off x="734380" y="740710"/>
            <a:ext cx="7180792" cy="948389"/>
          </a:xfrm>
        </p:spPr>
        <p:txBody>
          <a:bodyPr/>
          <a:lstStyle>
            <a:lvl1pPr>
              <a:defRPr sz="4500" b="0">
                <a:solidFill>
                  <a:schemeClr val="accent3"/>
                </a:solidFill>
              </a:defRPr>
            </a:lvl1pPr>
          </a:lstStyle>
          <a:p>
            <a:r>
              <a:rPr lang="en-US" dirty="0"/>
              <a:t>A key thought, stat or quote goes here. Lorem ipsum dolor sit </a:t>
            </a:r>
            <a:r>
              <a:rPr lang="en-US" dirty="0" err="1"/>
              <a:t>amet</a:t>
            </a:r>
            <a:r>
              <a:rPr lang="en-US" dirty="0"/>
              <a:t>.</a:t>
            </a:r>
          </a:p>
        </p:txBody>
      </p:sp>
      <p:sp>
        <p:nvSpPr>
          <p:cNvPr id="35" name="Content Placeholder 2">
            <a:extLst>
              <a:ext uri="{FF2B5EF4-FFF2-40B4-BE49-F238E27FC236}">
                <a16:creationId xmlns:a16="http://schemas.microsoft.com/office/drawing/2014/main" id="{A89BE6BA-C2E6-AA7B-8A97-7E4DAC113720}"/>
              </a:ext>
            </a:extLst>
          </p:cNvPr>
          <p:cNvSpPr>
            <a:spLocks noGrp="1"/>
          </p:cNvSpPr>
          <p:nvPr>
            <p:ph idx="1" hasCustomPrompt="1"/>
          </p:nvPr>
        </p:nvSpPr>
        <p:spPr>
          <a:xfrm>
            <a:off x="734180" y="3286313"/>
            <a:ext cx="3602736" cy="285374"/>
          </a:xfrm>
        </p:spPr>
        <p:txBody>
          <a:bodyPr vert="horz" lIns="0" tIns="0" rIns="0" bIns="0" rtlCol="0">
            <a:noAutofit/>
          </a:bodyPr>
          <a:lstStyle>
            <a:lvl1pPr marL="0" indent="0">
              <a:lnSpc>
                <a:spcPts val="2400"/>
              </a:lnSpc>
              <a:buFontTx/>
              <a:buNone/>
              <a:defRPr lang="en-US" sz="1400" dirty="0">
                <a:solidFill>
                  <a:schemeClr val="accent4"/>
                </a:solidFill>
                <a:latin typeface="Consolas" panose="020B0609020204030204" pitchFamily="49" charset="0"/>
                <a:cs typeface="Consolas" panose="020B0609020204030204" pitchFamily="49" charset="0"/>
              </a:defRPr>
            </a:lvl1pPr>
            <a:lvl2pPr>
              <a:lnSpc>
                <a:spcPts val="2400"/>
              </a:lnSpc>
              <a:defRPr lang="en-US" sz="1600" dirty="0">
                <a:solidFill>
                  <a:schemeClr val="tx1"/>
                </a:solidFill>
              </a:defRPr>
            </a:lvl2pPr>
            <a:lvl3pPr>
              <a:lnSpc>
                <a:spcPts val="2400"/>
              </a:lnSpc>
              <a:defRPr lang="en-US" sz="1600" dirty="0">
                <a:solidFill>
                  <a:schemeClr val="tx1"/>
                </a:solidFill>
              </a:defRPr>
            </a:lvl3pPr>
            <a:lvl4pPr marL="347472" indent="-173736">
              <a:defRPr lang="en-US" dirty="0">
                <a:solidFill>
                  <a:schemeClr val="tx1"/>
                </a:solidFill>
              </a:defRPr>
            </a:lvl4pPr>
            <a:lvl5pPr>
              <a:defRPr lang="en-US" dirty="0">
                <a:solidFill>
                  <a:schemeClr val="tx1"/>
                </a:solidFill>
              </a:defRPr>
            </a:lvl5pPr>
          </a:lstStyle>
          <a:p>
            <a:pPr lvl="0"/>
            <a:r>
              <a:rPr lang="en-US" dirty="0"/>
              <a:t>SHORT CAPTION GOES HERE</a:t>
            </a:r>
          </a:p>
        </p:txBody>
      </p:sp>
      <p:pic>
        <p:nvPicPr>
          <p:cNvPr id="37" name="Graphic 36">
            <a:extLst>
              <a:ext uri="{FF2B5EF4-FFF2-40B4-BE49-F238E27FC236}">
                <a16:creationId xmlns:a16="http://schemas.microsoft.com/office/drawing/2014/main" id="{7C4E68C8-1BD0-A30F-D0BF-BEB6B0EDE213}"/>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40167" y="195661"/>
            <a:ext cx="254043" cy="248397"/>
          </a:xfrm>
          <a:prstGeom prst="rect">
            <a:avLst/>
          </a:prstGeom>
        </p:spPr>
      </p:pic>
      <p:pic>
        <p:nvPicPr>
          <p:cNvPr id="38" name="Graphic 37">
            <a:extLst>
              <a:ext uri="{FF2B5EF4-FFF2-40B4-BE49-F238E27FC236}">
                <a16:creationId xmlns:a16="http://schemas.microsoft.com/office/drawing/2014/main" id="{27469B7E-072F-6578-B6A7-11A6009F0FE0}"/>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40167" y="5810811"/>
            <a:ext cx="254043" cy="248397"/>
          </a:xfrm>
          <a:prstGeom prst="rect">
            <a:avLst/>
          </a:prstGeom>
        </p:spPr>
      </p:pic>
      <p:pic>
        <p:nvPicPr>
          <p:cNvPr id="39" name="Graphic 38">
            <a:extLst>
              <a:ext uri="{FF2B5EF4-FFF2-40B4-BE49-F238E27FC236}">
                <a16:creationId xmlns:a16="http://schemas.microsoft.com/office/drawing/2014/main" id="{DAE5958D-9F47-2312-85E2-4ABC0AA61813}"/>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708267" y="195661"/>
            <a:ext cx="254043" cy="248397"/>
          </a:xfrm>
          <a:prstGeom prst="rect">
            <a:avLst/>
          </a:prstGeom>
        </p:spPr>
      </p:pic>
      <p:pic>
        <p:nvPicPr>
          <p:cNvPr id="40" name="Graphic 39">
            <a:extLst>
              <a:ext uri="{FF2B5EF4-FFF2-40B4-BE49-F238E27FC236}">
                <a16:creationId xmlns:a16="http://schemas.microsoft.com/office/drawing/2014/main" id="{36A84E64-269B-626A-ED44-DBF92E10FD40}"/>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708267" y="5810811"/>
            <a:ext cx="254043" cy="248397"/>
          </a:xfrm>
          <a:prstGeom prst="rect">
            <a:avLst/>
          </a:prstGeom>
        </p:spPr>
      </p:pic>
    </p:spTree>
    <p:extLst>
      <p:ext uri="{BB962C8B-B14F-4D97-AF65-F5344CB8AC3E}">
        <p14:creationId xmlns:p14="http://schemas.microsoft.com/office/powerpoint/2010/main" val="1355107353"/>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A. Infographic">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AC002C32-0EA8-C745-ABC7-B679E62A56D2}" type="datetime1">
              <a:rPr lang="en-US" smtClean="0"/>
              <a:pPr/>
              <a:t>2/5/2024</a:t>
            </a:fld>
            <a:endParaRPr lang="en-US" dirty="0"/>
          </a:p>
        </p:txBody>
      </p:sp>
      <p:sp>
        <p:nvSpPr>
          <p:cNvPr id="4" name="Title 3">
            <a:extLst>
              <a:ext uri="{FF2B5EF4-FFF2-40B4-BE49-F238E27FC236}">
                <a16:creationId xmlns:a16="http://schemas.microsoft.com/office/drawing/2014/main" id="{2FDE898A-6279-CDD4-22D7-176CB9980D38}"/>
              </a:ext>
            </a:extLst>
          </p:cNvPr>
          <p:cNvSpPr>
            <a:spLocks noGrp="1"/>
          </p:cNvSpPr>
          <p:nvPr>
            <p:ph type="title"/>
          </p:nvPr>
        </p:nvSpPr>
        <p:spPr>
          <a:xfrm>
            <a:off x="365760" y="326553"/>
            <a:ext cx="7589836" cy="1047306"/>
          </a:xfrm>
        </p:spPr>
        <p:txBody>
          <a:bodyPr/>
          <a:lstStyle>
            <a:lvl1pPr>
              <a:defRPr b="1"/>
            </a:lvl1pPr>
          </a:lstStyle>
          <a:p>
            <a:r>
              <a:rPr lang="en-US"/>
              <a:t>Click to edit Master title style</a:t>
            </a:r>
            <a:endParaRPr lang="en-US" dirty="0"/>
          </a:p>
        </p:txBody>
      </p:sp>
      <p:sp>
        <p:nvSpPr>
          <p:cNvPr id="9" name="Content Placeholder 8">
            <a:extLst>
              <a:ext uri="{FF2B5EF4-FFF2-40B4-BE49-F238E27FC236}">
                <a16:creationId xmlns:a16="http://schemas.microsoft.com/office/drawing/2014/main" id="{F0D94BAE-5765-6E43-D5B2-174B2CDA8CCB}"/>
              </a:ext>
            </a:extLst>
          </p:cNvPr>
          <p:cNvSpPr>
            <a:spLocks noGrp="1"/>
          </p:cNvSpPr>
          <p:nvPr>
            <p:ph sz="quarter" idx="10"/>
          </p:nvPr>
        </p:nvSpPr>
        <p:spPr>
          <a:xfrm>
            <a:off x="371475" y="1557338"/>
            <a:ext cx="11456988" cy="4386262"/>
          </a:xfrm>
        </p:spPr>
        <p:txBody>
          <a:bodyPr/>
          <a:lstStyle>
            <a:lvl1pPr>
              <a:defRPr sz="1600"/>
            </a:lvl1pPr>
            <a:lvl2pPr>
              <a:defRPr sz="1600"/>
            </a:lvl2pPr>
            <a:lvl3pPr>
              <a:defRPr sz="16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
        <p:nvSpPr>
          <p:cNvPr id="11" name="Slide Number Placeholder 12">
            <a:extLst>
              <a:ext uri="{FF2B5EF4-FFF2-40B4-BE49-F238E27FC236}">
                <a16:creationId xmlns:a16="http://schemas.microsoft.com/office/drawing/2014/main" id="{D188D97D-C18A-E067-2F18-9294A327C9E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266229967"/>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A. eyebrow_Infographic">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AC002C32-0EA8-C745-ABC7-B679E62A56D2}" type="datetime1">
              <a:rPr lang="en-US" smtClean="0"/>
              <a:pPr/>
              <a:t>2/5/2024</a:t>
            </a:fld>
            <a:endParaRPr lang="en-US" dirty="0"/>
          </a:p>
        </p:txBody>
      </p:sp>
      <p:sp>
        <p:nvSpPr>
          <p:cNvPr id="9" name="Content Placeholder 8">
            <a:extLst>
              <a:ext uri="{FF2B5EF4-FFF2-40B4-BE49-F238E27FC236}">
                <a16:creationId xmlns:a16="http://schemas.microsoft.com/office/drawing/2014/main" id="{F0D94BAE-5765-6E43-D5B2-174B2CDA8CCB}"/>
              </a:ext>
            </a:extLst>
          </p:cNvPr>
          <p:cNvSpPr>
            <a:spLocks noGrp="1"/>
          </p:cNvSpPr>
          <p:nvPr>
            <p:ph sz="quarter" idx="10"/>
          </p:nvPr>
        </p:nvSpPr>
        <p:spPr>
          <a:xfrm>
            <a:off x="371475" y="1557338"/>
            <a:ext cx="11456988" cy="4386262"/>
          </a:xfrm>
        </p:spPr>
        <p:txBody>
          <a:bodyPr/>
          <a:lstStyle>
            <a:lvl1pPr>
              <a:defRPr sz="1600"/>
            </a:lvl1pPr>
            <a:lvl2pPr>
              <a:defRPr sz="1600"/>
            </a:lvl2pPr>
            <a:lvl3pPr>
              <a:defRPr sz="1600"/>
            </a:lvl3pPr>
            <a:lvl4pPr>
              <a:defRPr sz="1600"/>
            </a:lvl4pPr>
            <a:lvl5pPr>
              <a:defRPr sz="1600"/>
            </a:lvl5pPr>
          </a:lstStyle>
          <a:p>
            <a:pPr lvl="0"/>
            <a:r>
              <a:rPr lang="en-US" dirty="0"/>
              <a:t>Click to edit Master text styles</a:t>
            </a:r>
          </a:p>
          <a:p>
            <a:pPr lvl="1"/>
            <a:r>
              <a:rPr lang="en-US" dirty="0"/>
              <a:t>Second level</a:t>
            </a:r>
          </a:p>
          <a:p>
            <a:pPr lvl="2"/>
            <a:r>
              <a:rPr lang="en-US" dirty="0"/>
              <a:t>Third level</a:t>
            </a:r>
          </a:p>
        </p:txBody>
      </p:sp>
      <p:sp>
        <p:nvSpPr>
          <p:cNvPr id="11" name="Slide Number Placeholder 12">
            <a:extLst>
              <a:ext uri="{FF2B5EF4-FFF2-40B4-BE49-F238E27FC236}">
                <a16:creationId xmlns:a16="http://schemas.microsoft.com/office/drawing/2014/main" id="{D188D97D-C18A-E067-2F18-9294A327C9E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2" name="Title 6">
            <a:extLst>
              <a:ext uri="{FF2B5EF4-FFF2-40B4-BE49-F238E27FC236}">
                <a16:creationId xmlns:a16="http://schemas.microsoft.com/office/drawing/2014/main" id="{52F71733-9501-537D-D900-CFE60BEA2608}"/>
              </a:ext>
            </a:extLst>
          </p:cNvPr>
          <p:cNvSpPr>
            <a:spLocks noGrp="1"/>
          </p:cNvSpPr>
          <p:nvPr>
            <p:ph type="title"/>
          </p:nvPr>
        </p:nvSpPr>
        <p:spPr>
          <a:xfrm>
            <a:off x="365760" y="493241"/>
            <a:ext cx="7589836" cy="918718"/>
          </a:xfrm>
        </p:spPr>
        <p:txBody>
          <a:bodyPr/>
          <a:lstStyle>
            <a:lvl1pPr>
              <a:defRPr b="1"/>
            </a:lvl1pPr>
          </a:lstStyle>
          <a:p>
            <a:r>
              <a:rPr lang="en-US" dirty="0"/>
              <a:t>Click to edit Master title style</a:t>
            </a:r>
          </a:p>
        </p:txBody>
      </p:sp>
      <p:sp>
        <p:nvSpPr>
          <p:cNvPr id="5" name="Text Placeholder 4">
            <a:extLst>
              <a:ext uri="{FF2B5EF4-FFF2-40B4-BE49-F238E27FC236}">
                <a16:creationId xmlns:a16="http://schemas.microsoft.com/office/drawing/2014/main" id="{EE7779A7-7790-DC19-D441-743AAF1FE354}"/>
              </a:ext>
            </a:extLst>
          </p:cNvPr>
          <p:cNvSpPr>
            <a:spLocks noGrp="1"/>
          </p:cNvSpPr>
          <p:nvPr>
            <p:ph type="body" sz="quarter" idx="17" hasCustomPrompt="1"/>
          </p:nvPr>
        </p:nvSpPr>
        <p:spPr>
          <a:xfrm>
            <a:off x="367219" y="286838"/>
            <a:ext cx="5644961" cy="159159"/>
          </a:xfrm>
        </p:spPr>
        <p:txBody>
          <a:bodyPr/>
          <a:lstStyle>
            <a:lvl1pPr marL="0" indent="0">
              <a:buNone/>
              <a:defRPr sz="1300" cap="all" baseline="0">
                <a:solidFill>
                  <a:schemeClr val="accent3"/>
                </a:solidFill>
                <a:latin typeface="Consolas" panose="020B0609020204030204" pitchFamily="49" charset="0"/>
              </a:defRPr>
            </a:lvl1pPr>
          </a:lstStyle>
          <a:p>
            <a:pPr lvl="0"/>
            <a:r>
              <a:rPr lang="da-DK" dirty="0"/>
              <a:t>Click to add title</a:t>
            </a:r>
          </a:p>
        </p:txBody>
      </p:sp>
    </p:spTree>
    <p:extLst>
      <p:ext uri="{BB962C8B-B14F-4D97-AF65-F5344CB8AC3E}">
        <p14:creationId xmlns:p14="http://schemas.microsoft.com/office/powerpoint/2010/main" val="345123446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B. Infographic">
    <p:bg>
      <p:bgPr>
        <a:solidFill>
          <a:schemeClr val="accent4"/>
        </a:solidFill>
        <a:effectLst/>
      </p:bgPr>
    </p:bg>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E27F0A43-6D4C-504B-873C-1FC74BE95E6D}"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6" name="text" descr="{&quot;templafy&quot;:{&quot;id&quot;:&quot;4dd46786-6585-4b25-b66e-c75e4e81da7d&quot;}}" title="Form.Cigna_Confidentiality.EvernorthConfidentiality">
            <a:extLst>
              <a:ext uri="{FF2B5EF4-FFF2-40B4-BE49-F238E27FC236}">
                <a16:creationId xmlns:a16="http://schemas.microsoft.com/office/drawing/2014/main" id="{6BDF6612-5332-C9FA-9FC8-0FC5C20E4C87}"/>
              </a:ext>
            </a:extLst>
          </p:cNvPr>
          <p:cNvSpPr/>
          <p:nvPr userDrawn="1"/>
        </p:nvSpPr>
        <p:spPr>
          <a:xfrm>
            <a:off x="4246863" y="6350890"/>
            <a:ext cx="3278533" cy="180000"/>
          </a:xfrm>
          <a:prstGeom prst="rect">
            <a:avLst/>
          </a:prstGeom>
          <a:solidFill>
            <a:schemeClr val="accent4"/>
          </a:solidFill>
          <a:ln w="12700" cap="flat" cmpd="sng" algn="ctr">
            <a:noFill/>
            <a:prstDash val="solid"/>
            <a:miter lim="800000"/>
          </a:ln>
          <a:effectLst/>
        </p:spPr>
        <p:txBody>
          <a:bodyPr lIns="0" tIns="0" rIns="0" bIns="0" rtlCol="0" anchor="b"/>
          <a:lstStyle/>
          <a:p>
            <a:pPr marL="0" marR="0" lvl="0" indent="0" defTabSz="914400" eaLnBrk="1" fontAlgn="auto" latinLnBrk="0" hangingPunct="1">
              <a:lnSpc>
                <a:spcPts val="820"/>
              </a:lnSpc>
              <a:spcBef>
                <a:spcPts val="0"/>
              </a:spcBef>
              <a:spcAft>
                <a:spcPts val="0"/>
              </a:spcAft>
              <a:buClrTx/>
              <a:buSzTx/>
              <a:buFontTx/>
              <a:buNone/>
              <a:tabLst/>
              <a:defRPr/>
            </a:pPr>
            <a:r>
              <a:rPr kumimoji="0" lang="en-US" sz="600" b="0" i="0" u="none" strike="noStrike" kern="0" cap="all" spc="0" normalizeH="0" baseline="0" noProof="0" dirty="0">
                <a:ln>
                  <a:noFill/>
                </a:ln>
                <a:solidFill>
                  <a:schemeClr val="bg2"/>
                </a:solidFill>
                <a:effectLst/>
                <a:uLnTx/>
                <a:uFillTx/>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
        <p:nvSpPr>
          <p:cNvPr id="7" name="Title 6">
            <a:extLst>
              <a:ext uri="{FF2B5EF4-FFF2-40B4-BE49-F238E27FC236}">
                <a16:creationId xmlns:a16="http://schemas.microsoft.com/office/drawing/2014/main" id="{CE845F71-0E94-D52B-155C-D50037A91B12}"/>
              </a:ext>
            </a:extLst>
          </p:cNvPr>
          <p:cNvSpPr>
            <a:spLocks noGrp="1"/>
          </p:cNvSpPr>
          <p:nvPr>
            <p:ph type="title"/>
          </p:nvPr>
        </p:nvSpPr>
        <p:spPr>
          <a:xfrm>
            <a:off x="365760" y="326553"/>
            <a:ext cx="7589836" cy="1047306"/>
          </a:xfrm>
        </p:spPr>
        <p:txBody>
          <a:bodyPr/>
          <a:lstStyle>
            <a:lvl1pPr>
              <a:defRPr b="1">
                <a:solidFill>
                  <a:schemeClr val="accent1"/>
                </a:solidFill>
              </a:defRPr>
            </a:lvl1pPr>
          </a:lstStyle>
          <a:p>
            <a:r>
              <a:rPr lang="en-US"/>
              <a:t>Click to edit Master title style</a:t>
            </a:r>
            <a:endParaRPr lang="en-US" dirty="0"/>
          </a:p>
        </p:txBody>
      </p:sp>
      <p:sp>
        <p:nvSpPr>
          <p:cNvPr id="8" name="Content Placeholder 7">
            <a:extLst>
              <a:ext uri="{FF2B5EF4-FFF2-40B4-BE49-F238E27FC236}">
                <a16:creationId xmlns:a16="http://schemas.microsoft.com/office/drawing/2014/main" id="{6067A58A-D335-636F-0808-D906433F5FBA}"/>
              </a:ext>
            </a:extLst>
          </p:cNvPr>
          <p:cNvSpPr>
            <a:spLocks noGrp="1"/>
          </p:cNvSpPr>
          <p:nvPr>
            <p:ph sz="quarter" idx="10"/>
          </p:nvPr>
        </p:nvSpPr>
        <p:spPr>
          <a:xfrm>
            <a:off x="358775" y="1557338"/>
            <a:ext cx="3705225" cy="4386262"/>
          </a:xfrm>
        </p:spPr>
        <p:txBody>
          <a:bodyPr/>
          <a:lstStyle>
            <a:lvl1pPr>
              <a:defRPr sz="1600">
                <a:solidFill>
                  <a:schemeClr val="bg1"/>
                </a:solidFill>
              </a:defRPr>
            </a:lvl1pPr>
            <a:lvl2pPr>
              <a:defRPr sz="1600">
                <a:solidFill>
                  <a:schemeClr val="bg1"/>
                </a:solidFill>
              </a:defRPr>
            </a:lvl2pPr>
            <a:lvl3pPr>
              <a:defRPr sz="1600">
                <a:solidFill>
                  <a:schemeClr val="bg1"/>
                </a:solidFill>
              </a:defRPr>
            </a:lvl3pPr>
            <a:lvl4pPr>
              <a:defRPr sz="1600">
                <a:solidFill>
                  <a:schemeClr val="bg1"/>
                </a:solidFill>
              </a:defRPr>
            </a:lvl4pPr>
            <a:lvl5pPr>
              <a:defRPr sz="16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extBox 1">
            <a:extLst>
              <a:ext uri="{FF2B5EF4-FFF2-40B4-BE49-F238E27FC236}">
                <a16:creationId xmlns:a16="http://schemas.microsoft.com/office/drawing/2014/main" id="{464CE180-4E5B-A31E-1015-FA0539464F7C}"/>
              </a:ext>
            </a:extLst>
          </p:cNvPr>
          <p:cNvSpPr txBox="1"/>
          <p:nvPr userDrawn="1"/>
        </p:nvSpPr>
        <p:spPr>
          <a:xfrm>
            <a:off x="199505" y="6143105"/>
            <a:ext cx="1745673" cy="556953"/>
          </a:xfrm>
          <a:prstGeom prst="rect">
            <a:avLst/>
          </a:prstGeom>
          <a:solidFill>
            <a:schemeClr val="accent4"/>
          </a:solidFill>
        </p:spPr>
        <p:txBody>
          <a:bodyPr wrap="square" lIns="0" tIns="0" rIns="0" bIns="0" rtlCol="0">
            <a:spAutoFit/>
          </a:bodyPr>
          <a:lstStyle/>
          <a:p>
            <a:pPr algn="l"/>
            <a:endParaRPr lang="en-US" sz="1600" dirty="0" err="1"/>
          </a:p>
        </p:txBody>
      </p:sp>
      <p:pic>
        <p:nvPicPr>
          <p:cNvPr id="9" name="Graphic 8">
            <a:extLst>
              <a:ext uri="{FF2B5EF4-FFF2-40B4-BE49-F238E27FC236}">
                <a16:creationId xmlns:a16="http://schemas.microsoft.com/office/drawing/2014/main" id="{6EA256E3-AD9B-7B85-B37D-9467C3CB38B9}"/>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Tree>
    <p:extLst>
      <p:ext uri="{BB962C8B-B14F-4D97-AF65-F5344CB8AC3E}">
        <p14:creationId xmlns:p14="http://schemas.microsoft.com/office/powerpoint/2010/main" val="2480101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accent3"/>
        </a:solidFill>
        <a:effectLst/>
      </p:bgPr>
    </p:bg>
    <p:spTree>
      <p:nvGrpSpPr>
        <p:cNvPr id="1" name=""/>
        <p:cNvGrpSpPr/>
        <p:nvPr/>
      </p:nvGrpSpPr>
      <p:grpSpPr>
        <a:xfrm>
          <a:off x="0" y="0"/>
          <a:ext cx="0" cy="0"/>
          <a:chOff x="0" y="0"/>
          <a:chExt cx="0" cy="0"/>
        </a:xfrm>
      </p:grpSpPr>
      <p:sp>
        <p:nvSpPr>
          <p:cNvPr id="6" name="text" descr="{&quot;templafy&quot;:{&quot;id&quot;:&quot;4dd46786-6585-4b25-b66e-c75e4e81da7d&quot;}}" title="Form.Cigna_Confidentiality.EvernorthConfidentiality">
            <a:extLst>
              <a:ext uri="{FF2B5EF4-FFF2-40B4-BE49-F238E27FC236}">
                <a16:creationId xmlns:a16="http://schemas.microsoft.com/office/drawing/2014/main" id="{859A0410-ECDE-A0AD-1076-3070E1678FFC}"/>
              </a:ext>
            </a:extLst>
          </p:cNvPr>
          <p:cNvSpPr/>
          <p:nvPr userDrawn="1"/>
        </p:nvSpPr>
        <p:spPr>
          <a:xfrm>
            <a:off x="4250080" y="6339102"/>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bg2"/>
                </a:solidFill>
                <a:effectLst/>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
        <p:nvSpPr>
          <p:cNvPr id="18" name="Title 1">
            <a:extLst>
              <a:ext uri="{FF2B5EF4-FFF2-40B4-BE49-F238E27FC236}">
                <a16:creationId xmlns:a16="http://schemas.microsoft.com/office/drawing/2014/main" id="{9823DABA-2F4B-9723-458C-22D504518E70}"/>
              </a:ext>
            </a:extLst>
          </p:cNvPr>
          <p:cNvSpPr>
            <a:spLocks noGrp="1"/>
          </p:cNvSpPr>
          <p:nvPr>
            <p:ph type="ctrTitle" hasCustomPrompt="1"/>
          </p:nvPr>
        </p:nvSpPr>
        <p:spPr>
          <a:xfrm>
            <a:off x="1651914" y="3068491"/>
            <a:ext cx="8888172" cy="721016"/>
          </a:xfrm>
          <a:noFill/>
        </p:spPr>
        <p:txBody>
          <a:bodyPr anchor="b" anchorCtr="0"/>
          <a:lstStyle>
            <a:lvl1pPr algn="ctr">
              <a:lnSpc>
                <a:spcPts val="5000"/>
              </a:lnSpc>
              <a:defRPr sz="5000" b="1">
                <a:solidFill>
                  <a:schemeClr val="accent1"/>
                </a:solidFill>
              </a:defRPr>
            </a:lvl1pPr>
          </a:lstStyle>
          <a:p>
            <a:r>
              <a:rPr lang="en-US" dirty="0"/>
              <a:t>DIVIDER TITLE GOES HERE</a:t>
            </a:r>
          </a:p>
        </p:txBody>
      </p:sp>
      <p:sp>
        <p:nvSpPr>
          <p:cNvPr id="4" name="Freeform: Shape 13">
            <a:extLst>
              <a:ext uri="{FF2B5EF4-FFF2-40B4-BE49-F238E27FC236}">
                <a16:creationId xmlns:a16="http://schemas.microsoft.com/office/drawing/2014/main" id="{A1A4A2F1-335B-A91D-2A4A-A466D63A15E6}"/>
              </a:ext>
            </a:extLst>
          </p:cNvPr>
          <p:cNvSpPr>
            <a:spLocks/>
          </p:cNvSpPr>
          <p:nvPr userDrawn="1"/>
        </p:nvSpPr>
        <p:spPr bwMode="auto">
          <a:xfrm>
            <a:off x="-3783" y="2791899"/>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2"/>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8" name="Freeform: Shape 13">
            <a:extLst>
              <a:ext uri="{FF2B5EF4-FFF2-40B4-BE49-F238E27FC236}">
                <a16:creationId xmlns:a16="http://schemas.microsoft.com/office/drawing/2014/main" id="{B4F120AA-DD8E-81A1-8AE5-8C1AAE3C5540}"/>
              </a:ext>
            </a:extLst>
          </p:cNvPr>
          <p:cNvSpPr>
            <a:spLocks/>
          </p:cNvSpPr>
          <p:nvPr userDrawn="1"/>
        </p:nvSpPr>
        <p:spPr bwMode="auto">
          <a:xfrm flipH="1">
            <a:off x="11554899" y="2791900"/>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bg2"/>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pic>
        <p:nvPicPr>
          <p:cNvPr id="2" name="Graphic 1">
            <a:extLst>
              <a:ext uri="{FF2B5EF4-FFF2-40B4-BE49-F238E27FC236}">
                <a16:creationId xmlns:a16="http://schemas.microsoft.com/office/drawing/2014/main" id="{3C2525AE-CAA4-F429-A79F-8E1A873C2692}"/>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
        <p:nvSpPr>
          <p:cNvPr id="3" name="Date Placeholder 4">
            <a:extLst>
              <a:ext uri="{FF2B5EF4-FFF2-40B4-BE49-F238E27FC236}">
                <a16:creationId xmlns:a16="http://schemas.microsoft.com/office/drawing/2014/main" id="{C63098BF-FD7F-4CCF-0A6B-A9C70DDB2C29}"/>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F34890D3-8683-8C47-B5B8-6678AABBA203}" type="datetime1">
              <a:rPr lang="en-US" smtClean="0"/>
              <a:pPr/>
              <a:t>2/5/2024</a:t>
            </a:fld>
            <a:endParaRPr lang="en-US" dirty="0"/>
          </a:p>
        </p:txBody>
      </p:sp>
      <p:sp>
        <p:nvSpPr>
          <p:cNvPr id="5" name="Slide Number Placeholder 12">
            <a:extLst>
              <a:ext uri="{FF2B5EF4-FFF2-40B4-BE49-F238E27FC236}">
                <a16:creationId xmlns:a16="http://schemas.microsoft.com/office/drawing/2014/main" id="{CCC8CC3D-756E-A619-21AD-1432D9F56C7F}"/>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7138226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1_B. Infographic">
    <p:bg>
      <p:bgPr>
        <a:solidFill>
          <a:schemeClr val="accent3"/>
        </a:solidFill>
        <a:effectLst/>
      </p:bgPr>
    </p:bg>
    <p:spTree>
      <p:nvGrpSpPr>
        <p:cNvPr id="1" name=""/>
        <p:cNvGrpSpPr/>
        <p:nvPr/>
      </p:nvGrpSpPr>
      <p:grpSpPr>
        <a:xfrm>
          <a:off x="0" y="0"/>
          <a:ext cx="0" cy="0"/>
          <a:chOff x="0" y="0"/>
          <a:chExt cx="0" cy="0"/>
        </a:xfrm>
      </p:grpSpPr>
      <p:sp>
        <p:nvSpPr>
          <p:cNvPr id="3" name="Date Placeholder 4">
            <a:extLst>
              <a:ext uri="{FF2B5EF4-FFF2-40B4-BE49-F238E27FC236}">
                <a16:creationId xmlns:a16="http://schemas.microsoft.com/office/drawing/2014/main" id="{83F41F5C-835F-03A1-FE8E-37E44DB80773}"/>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3DEE0D01-0472-AD4E-9FAD-F33DEA4F50BB}" type="datetime1">
              <a:rPr lang="en-US" smtClean="0"/>
              <a:t>2/5/2024</a:t>
            </a:fld>
            <a:endParaRPr lang="en-US" dirty="0"/>
          </a:p>
        </p:txBody>
      </p:sp>
      <p:sp>
        <p:nvSpPr>
          <p:cNvPr id="5" name="Slide Number Placeholder 12">
            <a:extLst>
              <a:ext uri="{FF2B5EF4-FFF2-40B4-BE49-F238E27FC236}">
                <a16:creationId xmlns:a16="http://schemas.microsoft.com/office/drawing/2014/main" id="{4FE90CA6-0FD5-67AB-B4E5-8955906173A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7" name="Title 6">
            <a:extLst>
              <a:ext uri="{FF2B5EF4-FFF2-40B4-BE49-F238E27FC236}">
                <a16:creationId xmlns:a16="http://schemas.microsoft.com/office/drawing/2014/main" id="{CE845F71-0E94-D52B-155C-D50037A91B12}"/>
              </a:ext>
            </a:extLst>
          </p:cNvPr>
          <p:cNvSpPr>
            <a:spLocks noGrp="1"/>
          </p:cNvSpPr>
          <p:nvPr>
            <p:ph type="title"/>
          </p:nvPr>
        </p:nvSpPr>
        <p:spPr>
          <a:xfrm>
            <a:off x="365760" y="326553"/>
            <a:ext cx="7589836" cy="1047306"/>
          </a:xfrm>
        </p:spPr>
        <p:txBody>
          <a:bodyPr/>
          <a:lstStyle>
            <a:lvl1pPr>
              <a:defRPr b="1">
                <a:solidFill>
                  <a:schemeClr val="accent1"/>
                </a:solidFill>
              </a:defRPr>
            </a:lvl1pPr>
          </a:lstStyle>
          <a:p>
            <a:r>
              <a:rPr lang="en-US"/>
              <a:t>Click to edit Master title style</a:t>
            </a:r>
            <a:endParaRPr lang="en-US" dirty="0"/>
          </a:p>
        </p:txBody>
      </p:sp>
      <p:sp>
        <p:nvSpPr>
          <p:cNvPr id="8" name="Content Placeholder 7">
            <a:extLst>
              <a:ext uri="{FF2B5EF4-FFF2-40B4-BE49-F238E27FC236}">
                <a16:creationId xmlns:a16="http://schemas.microsoft.com/office/drawing/2014/main" id="{6067A58A-D335-636F-0808-D906433F5FBA}"/>
              </a:ext>
            </a:extLst>
          </p:cNvPr>
          <p:cNvSpPr>
            <a:spLocks noGrp="1"/>
          </p:cNvSpPr>
          <p:nvPr>
            <p:ph sz="quarter" idx="10"/>
          </p:nvPr>
        </p:nvSpPr>
        <p:spPr>
          <a:xfrm>
            <a:off x="358775" y="1557338"/>
            <a:ext cx="3705225" cy="4386262"/>
          </a:xfrm>
        </p:spPr>
        <p:txBody>
          <a:bodyPr/>
          <a:lstStyle>
            <a:lvl1pPr>
              <a:defRPr sz="1600">
                <a:solidFill>
                  <a:schemeClr val="bg1"/>
                </a:solidFill>
              </a:defRPr>
            </a:lvl1pPr>
            <a:lvl2pPr>
              <a:defRPr sz="1600">
                <a:solidFill>
                  <a:schemeClr val="bg1"/>
                </a:solidFill>
              </a:defRPr>
            </a:lvl2pPr>
            <a:lvl3pPr>
              <a:defRPr sz="1600">
                <a:solidFill>
                  <a:schemeClr val="bg1"/>
                </a:solidFill>
              </a:defRPr>
            </a:lvl3pPr>
            <a:lvl4pPr>
              <a:defRPr sz="1600">
                <a:solidFill>
                  <a:schemeClr val="bg1"/>
                </a:solidFill>
              </a:defRPr>
            </a:lvl4pPr>
            <a:lvl5pPr>
              <a:defRPr sz="1600">
                <a:solidFill>
                  <a:schemeClr val="bg1"/>
                </a:solidFill>
              </a:defRPr>
            </a:lvl5pPr>
          </a:lstStyle>
          <a:p>
            <a:pPr lvl="0"/>
            <a:r>
              <a:rPr lang="en-US"/>
              <a:t>Click to edit Master text styles</a:t>
            </a:r>
          </a:p>
          <a:p>
            <a:pPr lvl="1"/>
            <a:r>
              <a:rPr lang="en-US"/>
              <a:t>Second level</a:t>
            </a:r>
          </a:p>
          <a:p>
            <a:pPr lvl="2"/>
            <a:r>
              <a:rPr lang="en-US"/>
              <a:t>Third level</a:t>
            </a:r>
          </a:p>
        </p:txBody>
      </p:sp>
      <p:pic>
        <p:nvPicPr>
          <p:cNvPr id="9" name="Graphic 8">
            <a:extLst>
              <a:ext uri="{FF2B5EF4-FFF2-40B4-BE49-F238E27FC236}">
                <a16:creationId xmlns:a16="http://schemas.microsoft.com/office/drawing/2014/main" id="{6EA256E3-AD9B-7B85-B37D-9467C3CB38B9}"/>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
        <p:nvSpPr>
          <p:cNvPr id="12" name="text" descr="{&quot;templafy&quot;:{&quot;id&quot;:&quot;4dd46786-6585-4b25-b66e-c75e4e81da7d&quot;}}" title="Form.Cigna_Confidentiality.EvernorthConfidentiality">
            <a:extLst>
              <a:ext uri="{FF2B5EF4-FFF2-40B4-BE49-F238E27FC236}">
                <a16:creationId xmlns:a16="http://schemas.microsoft.com/office/drawing/2014/main" id="{3A6CD73F-E38D-36E4-4B77-FC896386B3E0}"/>
              </a:ext>
            </a:extLst>
          </p:cNvPr>
          <p:cNvSpPr/>
          <p:nvPr userDrawn="1"/>
        </p:nvSpPr>
        <p:spPr>
          <a:xfrm>
            <a:off x="4246863" y="6350890"/>
            <a:ext cx="3278533" cy="180000"/>
          </a:xfrm>
          <a:prstGeom prst="rect">
            <a:avLst/>
          </a:prstGeom>
          <a:noFill/>
          <a:ln w="12700" cap="flat" cmpd="sng" algn="ctr">
            <a:noFill/>
            <a:prstDash val="solid"/>
            <a:miter lim="800000"/>
          </a:ln>
          <a:effectLst/>
        </p:spPr>
        <p:txBody>
          <a:bodyPr lIns="0" tIns="0" rIns="0" bIns="0" rtlCol="0" anchor="b"/>
          <a:lstStyle/>
          <a:p>
            <a:pPr marL="0" marR="0" lvl="0" indent="0" defTabSz="914400" eaLnBrk="1" fontAlgn="auto" latinLnBrk="0" hangingPunct="1">
              <a:lnSpc>
                <a:spcPts val="820"/>
              </a:lnSpc>
              <a:spcBef>
                <a:spcPts val="0"/>
              </a:spcBef>
              <a:spcAft>
                <a:spcPts val="0"/>
              </a:spcAft>
              <a:buClrTx/>
              <a:buSzTx/>
              <a:buFontTx/>
              <a:buNone/>
              <a:tabLst/>
              <a:defRPr/>
            </a:pPr>
            <a:r>
              <a:rPr kumimoji="0" lang="en-US" sz="600" b="0" i="0" u="none" strike="noStrike" kern="0" cap="all" spc="0" normalizeH="0" baseline="0" noProof="0" dirty="0">
                <a:ln>
                  <a:noFill/>
                </a:ln>
                <a:solidFill>
                  <a:schemeClr val="bg2"/>
                </a:solidFill>
                <a:effectLst/>
                <a:uLnTx/>
                <a:uFillTx/>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Tree>
    <p:extLst>
      <p:ext uri="{BB962C8B-B14F-4D97-AF65-F5344CB8AC3E}">
        <p14:creationId xmlns:p14="http://schemas.microsoft.com/office/powerpoint/2010/main" val="127025338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A. End">
    <p:bg bwMode="ltGray">
      <p:bgRef idx="1001">
        <a:schemeClr val="bg1"/>
      </p:bgRef>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solidFill>
            <a:srgbClr val="035C67"/>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bg1"/>
              </a:solidFill>
            </a:endParaRPr>
          </a:p>
        </p:txBody>
      </p:sp>
      <p:sp>
        <p:nvSpPr>
          <p:cNvPr id="2" name="Title 1"/>
          <p:cNvSpPr>
            <a:spLocks noGrp="1"/>
          </p:cNvSpPr>
          <p:nvPr>
            <p:ph type="ctrTitle" hasCustomPrompt="1"/>
          </p:nvPr>
        </p:nvSpPr>
        <p:spPr>
          <a:xfrm>
            <a:off x="360000" y="3083414"/>
            <a:ext cx="7587024" cy="691172"/>
          </a:xfrm>
          <a:noFill/>
        </p:spPr>
        <p:txBody>
          <a:bodyPr anchor="b" anchorCtr="0"/>
          <a:lstStyle>
            <a:lvl1pPr algn="l">
              <a:lnSpc>
                <a:spcPts val="5000"/>
              </a:lnSpc>
              <a:defRPr sz="5000" b="1">
                <a:solidFill>
                  <a:schemeClr val="accent1"/>
                </a:solidFill>
              </a:defRPr>
            </a:lvl1pPr>
          </a:lstStyle>
          <a:p>
            <a:r>
              <a:rPr lang="en-US" dirty="0"/>
              <a:t>Thank you</a:t>
            </a:r>
          </a:p>
        </p:txBody>
      </p:sp>
      <p:sp>
        <p:nvSpPr>
          <p:cNvPr id="12" name="text" descr="{&quot;templafy&quot;:{&quot;id&quot;:&quot;f8bb3a8b-4162-428b-9468-46cb81975cd8&quot;}}" title="Form.Cigna_Confidentiality.Cigna_confidentiality">
            <a:extLst>
              <a:ext uri="{FF2B5EF4-FFF2-40B4-BE49-F238E27FC236}">
                <a16:creationId xmlns:a16="http://schemas.microsoft.com/office/drawing/2014/main" id="{8C83A681-8413-4FB4-BB30-D7F89383A65D}"/>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pic>
        <p:nvPicPr>
          <p:cNvPr id="3" name="Graphic 2">
            <a:extLst>
              <a:ext uri="{FF2B5EF4-FFF2-40B4-BE49-F238E27FC236}">
                <a16:creationId xmlns:a16="http://schemas.microsoft.com/office/drawing/2014/main" id="{EDCEC905-C7B5-613D-541B-0E4808181C4E}"/>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
        <p:nvSpPr>
          <p:cNvPr id="5" name="Date Placeholder 4">
            <a:extLst>
              <a:ext uri="{FF2B5EF4-FFF2-40B4-BE49-F238E27FC236}">
                <a16:creationId xmlns:a16="http://schemas.microsoft.com/office/drawing/2014/main" id="{F6B6DE59-76C7-50E2-1440-3DCE02D651D2}"/>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F7BD9916-1DFD-754A-8A41-39391CF4FA55}" type="datetime1">
              <a:rPr lang="en-US" smtClean="0"/>
              <a:t>2/5/2024</a:t>
            </a:fld>
            <a:endParaRPr lang="en-US" dirty="0"/>
          </a:p>
        </p:txBody>
      </p:sp>
      <p:sp>
        <p:nvSpPr>
          <p:cNvPr id="8" name="Slide Number Placeholder 12">
            <a:extLst>
              <a:ext uri="{FF2B5EF4-FFF2-40B4-BE49-F238E27FC236}">
                <a16:creationId xmlns:a16="http://schemas.microsoft.com/office/drawing/2014/main" id="{910A18C9-0D34-FB68-FA82-1FAC331B027F}"/>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pic>
        <p:nvPicPr>
          <p:cNvPr id="4" name="Graphic 3">
            <a:extLst>
              <a:ext uri="{FF2B5EF4-FFF2-40B4-BE49-F238E27FC236}">
                <a16:creationId xmlns:a16="http://schemas.microsoft.com/office/drawing/2014/main" id="{B995AD50-E45C-4D4E-E900-A739F9A3975D}"/>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57188" y="344462"/>
            <a:ext cx="640340" cy="640340"/>
          </a:xfrm>
          <a:prstGeom prst="rect">
            <a:avLst/>
          </a:prstGeom>
        </p:spPr>
      </p:pic>
    </p:spTree>
    <p:extLst>
      <p:ext uri="{BB962C8B-B14F-4D97-AF65-F5344CB8AC3E}">
        <p14:creationId xmlns:p14="http://schemas.microsoft.com/office/powerpoint/2010/main" val="368158579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B. End">
    <p:bg bwMode="ltGray">
      <p:bgPr>
        <a:solidFill>
          <a:schemeClr val="bg2"/>
        </a:solidFill>
        <a:effectLst/>
      </p:bgPr>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9E6FAF1-D120-4172-AE29-B3271FE51748}"/>
              </a:ext>
            </a:extLst>
          </p:cNvPr>
          <p:cNvSpPr/>
          <p:nvPr userDrawn="1"/>
        </p:nvSpPr>
        <p:spPr>
          <a:xfrm>
            <a:off x="0" y="0"/>
            <a:ext cx="12189600"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bg1"/>
              </a:solidFill>
            </a:endParaRPr>
          </a:p>
        </p:txBody>
      </p:sp>
      <p:sp>
        <p:nvSpPr>
          <p:cNvPr id="2" name="Title 1"/>
          <p:cNvSpPr>
            <a:spLocks noGrp="1"/>
          </p:cNvSpPr>
          <p:nvPr>
            <p:ph type="ctrTitle" hasCustomPrompt="1"/>
          </p:nvPr>
        </p:nvSpPr>
        <p:spPr>
          <a:xfrm>
            <a:off x="360000" y="3083414"/>
            <a:ext cx="7587024" cy="691172"/>
          </a:xfrm>
          <a:noFill/>
        </p:spPr>
        <p:txBody>
          <a:bodyPr anchor="b" anchorCtr="0"/>
          <a:lstStyle>
            <a:lvl1pPr algn="l">
              <a:lnSpc>
                <a:spcPts val="5000"/>
              </a:lnSpc>
              <a:defRPr sz="5000" b="1">
                <a:solidFill>
                  <a:schemeClr val="accent3"/>
                </a:solidFill>
              </a:defRPr>
            </a:lvl1pPr>
          </a:lstStyle>
          <a:p>
            <a:r>
              <a:rPr lang="en-US" dirty="0"/>
              <a:t>Thank you</a:t>
            </a:r>
          </a:p>
        </p:txBody>
      </p:sp>
      <p:sp>
        <p:nvSpPr>
          <p:cNvPr id="12" name="text" descr="{&quot;templafy&quot;:{&quot;id&quot;:&quot;f8bb3a8b-4162-428b-9468-46cb81975cd8&quot;}}" title="Form.Cigna_Confidentiality.Cigna_confidentiality">
            <a:extLst>
              <a:ext uri="{FF2B5EF4-FFF2-40B4-BE49-F238E27FC236}">
                <a16:creationId xmlns:a16="http://schemas.microsoft.com/office/drawing/2014/main" id="{8C83A681-8413-4FB4-BB30-D7F89383A65D}"/>
              </a:ext>
            </a:extLst>
          </p:cNvPr>
          <p:cNvSpPr/>
          <p:nvPr userDrawn="1"/>
        </p:nvSpPr>
        <p:spPr>
          <a:xfrm>
            <a:off x="2303463" y="6317639"/>
            <a:ext cx="1939925"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US" sz="600" noProof="0" dirty="0" err="1">
              <a:solidFill>
                <a:schemeClr val="tx1"/>
              </a:solidFill>
              <a:latin typeface="Consolas" panose="020B0609020204030204" pitchFamily="49" charset="0"/>
            </a:endParaRPr>
          </a:p>
        </p:txBody>
      </p:sp>
      <p:pic>
        <p:nvPicPr>
          <p:cNvPr id="3" name="Graphic 2">
            <a:extLst>
              <a:ext uri="{FF2B5EF4-FFF2-40B4-BE49-F238E27FC236}">
                <a16:creationId xmlns:a16="http://schemas.microsoft.com/office/drawing/2014/main" id="{5AB4CA64-DFD2-9F6A-EB41-BD10848B86A9}"/>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
        <p:nvSpPr>
          <p:cNvPr id="5" name="Date Placeholder 4">
            <a:extLst>
              <a:ext uri="{FF2B5EF4-FFF2-40B4-BE49-F238E27FC236}">
                <a16:creationId xmlns:a16="http://schemas.microsoft.com/office/drawing/2014/main" id="{B63E944E-729B-ABD7-9ACB-397BA288A2B7}"/>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4"/>
                </a:solidFill>
                <a:latin typeface="Consolas" panose="020B0609020204030204" pitchFamily="49" charset="0"/>
                <a:cs typeface="Consolas" panose="020B0609020204030204" pitchFamily="49" charset="0"/>
              </a:defRPr>
            </a:lvl1pPr>
          </a:lstStyle>
          <a:p>
            <a:fld id="{D32EB639-42A5-8D4E-B85C-11A6DBC18CC6}" type="datetime1">
              <a:rPr lang="en-US" smtClean="0"/>
              <a:t>2/5/2024</a:t>
            </a:fld>
            <a:endParaRPr lang="en-US" dirty="0"/>
          </a:p>
        </p:txBody>
      </p:sp>
      <p:pic>
        <p:nvPicPr>
          <p:cNvPr id="4" name="Graphic 3">
            <a:extLst>
              <a:ext uri="{FF2B5EF4-FFF2-40B4-BE49-F238E27FC236}">
                <a16:creationId xmlns:a16="http://schemas.microsoft.com/office/drawing/2014/main" id="{A0D448BE-136D-59F8-5262-14B9DC0F6FCE}"/>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57188" y="344462"/>
            <a:ext cx="640340" cy="640340"/>
          </a:xfrm>
          <a:prstGeom prst="rect">
            <a:avLst/>
          </a:prstGeom>
        </p:spPr>
      </p:pic>
      <p:sp>
        <p:nvSpPr>
          <p:cNvPr id="13" name="Slide Number Placeholder 12">
            <a:extLst>
              <a:ext uri="{FF2B5EF4-FFF2-40B4-BE49-F238E27FC236}">
                <a16:creationId xmlns:a16="http://schemas.microsoft.com/office/drawing/2014/main" id="{88970839-08CE-5411-551D-4791137655D8}"/>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15992672"/>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4" name="Title 6">
            <a:extLst>
              <a:ext uri="{FF2B5EF4-FFF2-40B4-BE49-F238E27FC236}">
                <a16:creationId xmlns:a16="http://schemas.microsoft.com/office/drawing/2014/main" id="{585A25E6-8DE8-1AF1-C57A-CC9877AB886A}"/>
              </a:ext>
            </a:extLst>
          </p:cNvPr>
          <p:cNvSpPr>
            <a:spLocks noGrp="1"/>
          </p:cNvSpPr>
          <p:nvPr>
            <p:ph type="title"/>
          </p:nvPr>
        </p:nvSpPr>
        <p:spPr>
          <a:xfrm>
            <a:off x="365760" y="329184"/>
            <a:ext cx="7589836" cy="1047306"/>
          </a:xfrm>
        </p:spPr>
        <p:txBody>
          <a:bodyPr/>
          <a:lstStyle>
            <a:lvl1pPr>
              <a:defRPr b="1"/>
            </a:lvl1pPr>
          </a:lstStyle>
          <a:p>
            <a:r>
              <a:rPr lang="en-US"/>
              <a:t>Click to edit Master title style</a:t>
            </a:r>
            <a:endParaRPr lang="en-US" dirty="0"/>
          </a:p>
        </p:txBody>
      </p:sp>
      <p:sp>
        <p:nvSpPr>
          <p:cNvPr id="8" name="Date Placeholder 4">
            <a:extLst>
              <a:ext uri="{FF2B5EF4-FFF2-40B4-BE49-F238E27FC236}">
                <a16:creationId xmlns:a16="http://schemas.microsoft.com/office/drawing/2014/main" id="{6CCC0745-96E1-5F3A-9614-70F1D09856E4}"/>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0984005F-BC7A-8C45-93FB-329AABC29E6A}" type="datetime1">
              <a:rPr lang="en-US" smtClean="0"/>
              <a:t>2/5/2024</a:t>
            </a:fld>
            <a:endParaRPr lang="en-US" dirty="0"/>
          </a:p>
        </p:txBody>
      </p:sp>
      <p:sp>
        <p:nvSpPr>
          <p:cNvPr id="9" name="Slide Number Placeholder 12">
            <a:extLst>
              <a:ext uri="{FF2B5EF4-FFF2-40B4-BE49-F238E27FC236}">
                <a16:creationId xmlns:a16="http://schemas.microsoft.com/office/drawing/2014/main" id="{DCEBF396-F8DC-BB72-9041-E0A083941F7F}"/>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08825858"/>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2_Blank_nofooter">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A73CE0F4-BDDF-F848-D615-81B9F704E21C}"/>
              </a:ext>
            </a:extLst>
          </p:cNvPr>
          <p:cNvSpPr/>
          <p:nvPr userDrawn="1"/>
        </p:nvSpPr>
        <p:spPr>
          <a:xfrm>
            <a:off x="243839" y="6106160"/>
            <a:ext cx="1659775" cy="67056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 name="Rectangle 6">
            <a:extLst>
              <a:ext uri="{FF2B5EF4-FFF2-40B4-BE49-F238E27FC236}">
                <a16:creationId xmlns:a16="http://schemas.microsoft.com/office/drawing/2014/main" id="{A88E54C0-6273-F67B-06DC-BDED00224C1F}"/>
              </a:ext>
            </a:extLst>
          </p:cNvPr>
          <p:cNvSpPr/>
          <p:nvPr userDrawn="1"/>
        </p:nvSpPr>
        <p:spPr>
          <a:xfrm>
            <a:off x="4243388" y="6292158"/>
            <a:ext cx="3261935" cy="28065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1300808499"/>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3_Blank_nofooter">
    <p:bg>
      <p:bgPr>
        <a:solidFill>
          <a:schemeClr val="accent3"/>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A73CE0F4-BDDF-F848-D615-81B9F704E21C}"/>
              </a:ext>
            </a:extLst>
          </p:cNvPr>
          <p:cNvSpPr/>
          <p:nvPr userDrawn="1"/>
        </p:nvSpPr>
        <p:spPr>
          <a:xfrm>
            <a:off x="243840" y="6106160"/>
            <a:ext cx="2367013" cy="67056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345404155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4_Blank_nofooter">
    <p:bg>
      <p:bgPr>
        <a:solidFill>
          <a:schemeClr val="accent2"/>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A73CE0F4-BDDF-F848-D615-81B9F704E21C}"/>
              </a:ext>
            </a:extLst>
          </p:cNvPr>
          <p:cNvSpPr/>
          <p:nvPr userDrawn="1"/>
        </p:nvSpPr>
        <p:spPr>
          <a:xfrm>
            <a:off x="243840" y="6106160"/>
            <a:ext cx="2367013" cy="67056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Rectangle 1">
            <a:extLst>
              <a:ext uri="{FF2B5EF4-FFF2-40B4-BE49-F238E27FC236}">
                <a16:creationId xmlns:a16="http://schemas.microsoft.com/office/drawing/2014/main" id="{0E1D44AF-FEC8-E278-E93B-289C81393799}"/>
              </a:ext>
            </a:extLst>
          </p:cNvPr>
          <p:cNvSpPr/>
          <p:nvPr userDrawn="1"/>
        </p:nvSpPr>
        <p:spPr>
          <a:xfrm>
            <a:off x="4243388" y="6292158"/>
            <a:ext cx="3261935" cy="28065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3603978796"/>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5_Blank_nofooter">
    <p:bg>
      <p:bgPr>
        <a:solidFill>
          <a:schemeClr val="accent4"/>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A73CE0F4-BDDF-F848-D615-81B9F704E21C}"/>
              </a:ext>
            </a:extLst>
          </p:cNvPr>
          <p:cNvSpPr/>
          <p:nvPr userDrawn="1"/>
        </p:nvSpPr>
        <p:spPr>
          <a:xfrm>
            <a:off x="243840" y="6106160"/>
            <a:ext cx="2367013" cy="67056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Rectangle 1">
            <a:extLst>
              <a:ext uri="{FF2B5EF4-FFF2-40B4-BE49-F238E27FC236}">
                <a16:creationId xmlns:a16="http://schemas.microsoft.com/office/drawing/2014/main" id="{6A5ECC3C-B70E-772F-E370-1A2AAE069F2A}"/>
              </a:ext>
            </a:extLst>
          </p:cNvPr>
          <p:cNvSpPr/>
          <p:nvPr userDrawn="1"/>
        </p:nvSpPr>
        <p:spPr>
          <a:xfrm>
            <a:off x="4243388" y="6292158"/>
            <a:ext cx="3261935" cy="280658"/>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156259206"/>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6_Blank_nofooter">
    <p:bg>
      <p:bgPr>
        <a:solidFill>
          <a:schemeClr val="bg2"/>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A73CE0F4-BDDF-F848-D615-81B9F704E21C}"/>
              </a:ext>
            </a:extLst>
          </p:cNvPr>
          <p:cNvSpPr/>
          <p:nvPr userDrawn="1"/>
        </p:nvSpPr>
        <p:spPr>
          <a:xfrm>
            <a:off x="243840" y="6106160"/>
            <a:ext cx="2367013" cy="67056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Rectangle 1">
            <a:extLst>
              <a:ext uri="{FF2B5EF4-FFF2-40B4-BE49-F238E27FC236}">
                <a16:creationId xmlns:a16="http://schemas.microsoft.com/office/drawing/2014/main" id="{6A5ECC3C-B70E-772F-E370-1A2AAE069F2A}"/>
              </a:ext>
            </a:extLst>
          </p:cNvPr>
          <p:cNvSpPr/>
          <p:nvPr userDrawn="1"/>
        </p:nvSpPr>
        <p:spPr>
          <a:xfrm>
            <a:off x="4243388" y="6292158"/>
            <a:ext cx="3261935" cy="280658"/>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Tree>
    <p:extLst>
      <p:ext uri="{BB962C8B-B14F-4D97-AF65-F5344CB8AC3E}">
        <p14:creationId xmlns:p14="http://schemas.microsoft.com/office/powerpoint/2010/main" val="2986645817"/>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3FB450-A38F-075D-B3AD-6271BEBF3724}"/>
              </a:ext>
            </a:extLst>
          </p:cNvPr>
          <p:cNvSpPr>
            <a:spLocks noGrp="1"/>
          </p:cNvSpPr>
          <p:nvPr>
            <p:ph type="title" hasCustomPrompt="1"/>
          </p:nvPr>
        </p:nvSpPr>
        <p:spPr>
          <a:xfrm>
            <a:off x="357189" y="360362"/>
            <a:ext cx="7836316" cy="542006"/>
          </a:xfrm>
        </p:spPr>
        <p:txBody>
          <a:bodyPr/>
          <a:lstStyle/>
          <a:p>
            <a:r>
              <a:rPr lang="en-US" dirty="0"/>
              <a:t>User Guide</a:t>
            </a:r>
          </a:p>
        </p:txBody>
      </p:sp>
      <p:sp>
        <p:nvSpPr>
          <p:cNvPr id="3" name="Date Placeholder 2">
            <a:extLst>
              <a:ext uri="{FF2B5EF4-FFF2-40B4-BE49-F238E27FC236}">
                <a16:creationId xmlns:a16="http://schemas.microsoft.com/office/drawing/2014/main" id="{CCC388E2-5490-EA06-3A3A-F0FAC3E6ABDD}"/>
              </a:ext>
            </a:extLst>
          </p:cNvPr>
          <p:cNvSpPr>
            <a:spLocks noGrp="1"/>
          </p:cNvSpPr>
          <p:nvPr>
            <p:ph type="dt" sz="half" idx="10"/>
          </p:nvPr>
        </p:nvSpPr>
        <p:spPr>
          <a:xfrm>
            <a:off x="9537426" y="6357030"/>
            <a:ext cx="1498874" cy="180000"/>
          </a:xfrm>
          <a:prstGeom prst="rect">
            <a:avLst/>
          </a:prstGeom>
        </p:spPr>
        <p:txBody>
          <a:bodyPr/>
          <a:lstStyle/>
          <a:p>
            <a:fld id="{590D8C37-1A21-3D4D-B12B-28B77B8AC33D}" type="datetime1">
              <a:rPr lang="en-US" smtClean="0"/>
              <a:t>2/5/2024</a:t>
            </a:fld>
            <a:endParaRPr lang="en-US" dirty="0"/>
          </a:p>
        </p:txBody>
      </p:sp>
      <p:sp>
        <p:nvSpPr>
          <p:cNvPr id="7" name="Text Box 3">
            <a:extLst>
              <a:ext uri="{FF2B5EF4-FFF2-40B4-BE49-F238E27FC236}">
                <a16:creationId xmlns:a16="http://schemas.microsoft.com/office/drawing/2014/main" id="{2DB59D7F-25E1-5C2F-F286-30086FECC8C8}"/>
              </a:ext>
            </a:extLst>
          </p:cNvPr>
          <p:cNvSpPr txBox="1">
            <a:spLocks noChangeArrowheads="1"/>
          </p:cNvSpPr>
          <p:nvPr userDrawn="1"/>
        </p:nvSpPr>
        <p:spPr bwMode="auto">
          <a:xfrm>
            <a:off x="4275347" y="1095538"/>
            <a:ext cx="2786833" cy="300082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solidFill>
                  <a:schemeClr val="accent4"/>
                </a:solidFill>
                <a:latin typeface="+mn-lt"/>
                <a:cs typeface="Arial" panose="020B0604020202020204" pitchFamily="34" charset="0"/>
              </a:rPr>
              <a:t>PICTURES</a:t>
            </a:r>
            <a:br>
              <a:rPr lang="en-US" sz="1600" dirty="0">
                <a:solidFill>
                  <a:schemeClr val="accent4"/>
                </a:solidFill>
                <a:latin typeface="+mn-lt"/>
                <a:cs typeface="Arial" panose="020B0604020202020204" pitchFamily="34" charset="0"/>
              </a:rPr>
            </a:br>
            <a:br>
              <a:rPr lang="en-US" sz="900" dirty="0">
                <a:solidFill>
                  <a:schemeClr val="accent4"/>
                </a:solidFill>
                <a:latin typeface="+mn-lt"/>
                <a:cs typeface="Arial" panose="020B0604020202020204" pitchFamily="34" charset="0"/>
              </a:rPr>
            </a:br>
            <a:r>
              <a:rPr lang="en-US" altLang="da-DK" sz="900" b="1" baseline="0" noProof="1">
                <a:solidFill>
                  <a:schemeClr val="accent4"/>
                </a:solidFill>
                <a:latin typeface="+mn-lt"/>
                <a:cs typeface="Arial" panose="020B0604020202020204" pitchFamily="34" charset="0"/>
              </a:rPr>
              <a:t>ADD PICTURE</a:t>
            </a:r>
            <a:endParaRPr lang="en-US" dirty="0">
              <a:solidFill>
                <a:schemeClr val="accent4"/>
              </a:solidFill>
            </a:endParaRPr>
          </a:p>
          <a:p>
            <a:pPr eaLnBrk="1" hangingPunct="1">
              <a:spcAft>
                <a:spcPts val="600"/>
              </a:spcAft>
              <a:defRPr/>
            </a:pPr>
            <a:r>
              <a:rPr lang="en-US" altLang="da-DK" sz="900" b="0" noProof="1">
                <a:solidFill>
                  <a:schemeClr val="accent4"/>
                </a:solidFill>
                <a:latin typeface="+mn-lt"/>
                <a:cs typeface="Arial" panose="020B0604020202020204" pitchFamily="34" charset="0"/>
              </a:rPr>
              <a:t>On slides with pictureplaceholder, click on the icon and choose </a:t>
            </a:r>
            <a:r>
              <a:rPr lang="en-US" altLang="da-DK" sz="900" b="1" noProof="1">
                <a:solidFill>
                  <a:schemeClr val="accent4"/>
                </a:solidFill>
                <a:latin typeface="+mn-lt"/>
                <a:cs typeface="Arial" panose="020B0604020202020204" pitchFamily="34" charset="0"/>
              </a:rPr>
              <a:t>Insert</a:t>
            </a:r>
            <a:endParaRPr lang="en-US" dirty="0">
              <a:solidFill>
                <a:schemeClr val="accent4"/>
              </a:solidFill>
            </a:endParaRPr>
          </a:p>
          <a:p>
            <a:pPr eaLnBrk="1" hangingPunct="1">
              <a:spcBef>
                <a:spcPts val="1200"/>
              </a:spcBef>
              <a:spcAft>
                <a:spcPts val="600"/>
              </a:spcAft>
              <a:defRPr/>
            </a:pPr>
            <a:r>
              <a:rPr lang="en-US" sz="900" b="1" noProof="1">
                <a:solidFill>
                  <a:schemeClr val="accent4"/>
                </a:solidFill>
                <a:latin typeface="+mn-lt"/>
                <a:cs typeface="Arial" panose="020B0604020202020204" pitchFamily="34" charset="0"/>
              </a:rPr>
              <a:t>Crop picture</a:t>
            </a:r>
            <a:endParaRPr lang="en-US" dirty="0">
              <a:solidFill>
                <a:schemeClr val="accent4"/>
              </a:solidFill>
            </a:endParaRPr>
          </a:p>
          <a:p>
            <a:pPr eaLnBrk="1" hangingPunct="1">
              <a:spcAft>
                <a:spcPts val="600"/>
              </a:spcAft>
              <a:defRPr/>
            </a:pPr>
            <a:r>
              <a:rPr lang="en-US" altLang="da-DK" sz="900" b="1" noProof="1">
                <a:solidFill>
                  <a:schemeClr val="accent4"/>
                </a:solidFill>
                <a:latin typeface="+mn-lt"/>
                <a:cs typeface="Arial" panose="020B0604020202020204" pitchFamily="34" charset="0"/>
              </a:rPr>
              <a:t>1. </a:t>
            </a:r>
            <a:r>
              <a:rPr lang="en-US" altLang="da-DK" sz="900" b="0" noProof="1">
                <a:solidFill>
                  <a:schemeClr val="accent4"/>
                </a:solidFill>
                <a:latin typeface="+mn-lt"/>
                <a:cs typeface="Arial" panose="020B0604020202020204" pitchFamily="34" charset="0"/>
              </a:rPr>
              <a:t>Click </a:t>
            </a:r>
            <a:r>
              <a:rPr lang="en-US" altLang="da-DK" sz="900" b="1" noProof="1">
                <a:solidFill>
                  <a:schemeClr val="accent4"/>
                </a:solidFill>
                <a:latin typeface="+mn-lt"/>
                <a:cs typeface="Arial" panose="020B0604020202020204" pitchFamily="34" charset="0"/>
              </a:rPr>
              <a:t>Crop</a:t>
            </a:r>
            <a:r>
              <a:rPr lang="en-US" altLang="da-DK" sz="900" b="0" noProof="1">
                <a:solidFill>
                  <a:schemeClr val="accent4"/>
                </a:solidFill>
                <a:latin typeface="+mn-lt"/>
                <a:cs typeface="Arial" panose="020B0604020202020204" pitchFamily="34" charset="0"/>
              </a:rPr>
              <a:t> to change size or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focus of the picture</a:t>
            </a:r>
            <a:endParaRPr lang="en-US" dirty="0">
              <a:solidFill>
                <a:schemeClr val="accent4"/>
              </a:solidFill>
            </a:endParaRPr>
          </a:p>
          <a:p>
            <a:pPr eaLnBrk="1" hangingPunct="1">
              <a:spcAft>
                <a:spcPts val="600"/>
              </a:spcAft>
              <a:defRPr/>
            </a:pPr>
            <a:r>
              <a:rPr lang="en-US" altLang="da-DK" sz="900" b="1" noProof="1">
                <a:solidFill>
                  <a:schemeClr val="accent4"/>
                </a:solidFill>
                <a:latin typeface="+mn-lt"/>
                <a:cs typeface="Arial" panose="020B0604020202020204" pitchFamily="34" charset="0"/>
              </a:rPr>
              <a:t>2. </a:t>
            </a:r>
            <a:r>
              <a:rPr lang="en-US" altLang="da-DK" sz="900" b="0" noProof="1">
                <a:solidFill>
                  <a:schemeClr val="accent4"/>
                </a:solidFill>
                <a:latin typeface="+mn-lt"/>
                <a:cs typeface="Arial" panose="020B0604020202020204" pitchFamily="34" charset="0"/>
              </a:rPr>
              <a:t>If you want to scale the picture,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hold </a:t>
            </a:r>
            <a:r>
              <a:rPr lang="en-US" altLang="da-DK" sz="900" b="1" noProof="1">
                <a:solidFill>
                  <a:schemeClr val="accent4"/>
                </a:solidFill>
                <a:latin typeface="+mn-lt"/>
                <a:cs typeface="Arial" panose="020B0604020202020204" pitchFamily="34" charset="0"/>
              </a:rPr>
              <a:t>SHIFT</a:t>
            </a:r>
            <a:r>
              <a:rPr lang="en-US" altLang="da-DK" sz="900" b="0" noProof="1">
                <a:solidFill>
                  <a:schemeClr val="accent4"/>
                </a:solidFill>
                <a:latin typeface="+mn-lt"/>
                <a:cs typeface="Arial" panose="020B0604020202020204" pitchFamily="34" charset="0"/>
              </a:rPr>
              <a:t>-key down while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dragging the corners of the picture</a:t>
            </a:r>
            <a:br>
              <a:rPr lang="en-US" altLang="da-DK" sz="900" b="0" noProof="1">
                <a:solidFill>
                  <a:schemeClr val="accent4"/>
                </a:solidFill>
                <a:latin typeface="+mn-lt"/>
                <a:cs typeface="Arial" panose="020B0604020202020204" pitchFamily="34" charset="0"/>
              </a:rPr>
            </a:br>
            <a:endParaRPr lang="en-US" altLang="da-DK" sz="900" b="0" noProof="1">
              <a:solidFill>
                <a:schemeClr val="accent4"/>
              </a:solidFill>
              <a:latin typeface="+mn-lt"/>
              <a:cs typeface="Arial" panose="020B0604020202020204" pitchFamily="34" charset="0"/>
            </a:endParaRPr>
          </a:p>
          <a:p>
            <a:pPr eaLnBrk="1" hangingPunct="1">
              <a:spcAft>
                <a:spcPts val="600"/>
              </a:spcAft>
              <a:defRPr/>
            </a:pPr>
            <a:r>
              <a:rPr lang="en-US" altLang="da-DK" sz="900" b="1" noProof="1">
                <a:solidFill>
                  <a:schemeClr val="accent4"/>
                </a:solidFill>
                <a:latin typeface="+mn-lt"/>
                <a:cs typeface="Arial" panose="020B0604020202020204" pitchFamily="34" charset="0"/>
              </a:rPr>
              <a:t>HINT: </a:t>
            </a:r>
            <a:r>
              <a:rPr lang="en-US" altLang="da-DK" sz="900" b="0" noProof="1">
                <a:solidFill>
                  <a:schemeClr val="accent4"/>
                </a:solidFill>
                <a:latin typeface="+mn-lt"/>
                <a:cs typeface="Arial" panose="020B0604020202020204" pitchFamily="34" charset="0"/>
              </a:rPr>
              <a:t>If you delete the picture and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insert a new one, the picture may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lie in front of the text or graphic.</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If this happens, select the picture,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right-click and choose </a:t>
            </a:r>
            <a:r>
              <a:rPr lang="en-US" altLang="da-DK" sz="900" b="1" noProof="1">
                <a:solidFill>
                  <a:schemeClr val="accent4"/>
                </a:solidFill>
                <a:latin typeface="+mn-lt"/>
                <a:cs typeface="Arial" panose="020B0604020202020204" pitchFamily="34" charset="0"/>
              </a:rPr>
              <a:t>Send to Back</a:t>
            </a:r>
          </a:p>
        </p:txBody>
      </p:sp>
      <p:sp>
        <p:nvSpPr>
          <p:cNvPr id="13" name="Text Box 2">
            <a:extLst>
              <a:ext uri="{FF2B5EF4-FFF2-40B4-BE49-F238E27FC236}">
                <a16:creationId xmlns:a16="http://schemas.microsoft.com/office/drawing/2014/main" id="{CC60D40B-CF3F-90FA-EC93-3C824C10D4DB}"/>
              </a:ext>
            </a:extLst>
          </p:cNvPr>
          <p:cNvSpPr txBox="1">
            <a:spLocks noChangeArrowheads="1"/>
          </p:cNvSpPr>
          <p:nvPr userDrawn="1"/>
        </p:nvSpPr>
        <p:spPr bwMode="auto">
          <a:xfrm>
            <a:off x="357189" y="1113253"/>
            <a:ext cx="2280360" cy="241604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chemeClr val="accent3"/>
                </a:solidFill>
                <a:latin typeface="+mn-lt"/>
                <a:cs typeface="Arial" panose="020B0604020202020204" pitchFamily="34" charset="0"/>
              </a:rPr>
              <a:t>SLIDES &amp; LAYOUTS</a:t>
            </a:r>
            <a:br>
              <a:rPr lang="en-US" altLang="da-DK" sz="900" b="1" noProof="1">
                <a:solidFill>
                  <a:schemeClr val="accent3"/>
                </a:solidFill>
                <a:latin typeface="+mn-lt"/>
                <a:cs typeface="Arial" panose="020B0604020202020204" pitchFamily="34" charset="0"/>
              </a:rPr>
            </a:br>
            <a:br>
              <a:rPr lang="en-US" altLang="da-DK" sz="900" b="1" noProof="1">
                <a:solidFill>
                  <a:schemeClr val="accent3"/>
                </a:solidFill>
                <a:latin typeface="+mn-lt"/>
                <a:cs typeface="Arial" panose="020B0604020202020204" pitchFamily="34" charset="0"/>
              </a:rPr>
            </a:br>
            <a:r>
              <a:rPr lang="en-US" altLang="da-DK" sz="900" b="0" noProof="1">
                <a:solidFill>
                  <a:schemeClr val="accent3"/>
                </a:solidFill>
                <a:latin typeface="+mn-lt"/>
                <a:cs typeface="Arial" panose="020B0604020202020204" pitchFamily="34" charset="0"/>
              </a:rPr>
              <a:t>Click on the menu </a:t>
            </a:r>
            <a:r>
              <a:rPr lang="en-US" altLang="da-DK" sz="900" b="1" noProof="1">
                <a:solidFill>
                  <a:schemeClr val="accent3"/>
                </a:solidFill>
                <a:latin typeface="+mn-lt"/>
                <a:cs typeface="Arial" panose="020B0604020202020204" pitchFamily="34" charset="0"/>
              </a:rPr>
              <a:t>New Slide </a:t>
            </a:r>
            <a:r>
              <a:rPr lang="en-US" altLang="da-DK" sz="900" b="0" noProof="1">
                <a:solidFill>
                  <a:schemeClr val="accent3"/>
                </a:solidFill>
                <a:latin typeface="+mn-lt"/>
                <a:cs typeface="Arial" panose="020B0604020202020204" pitchFamily="34" charset="0"/>
              </a:rPr>
              <a:t>in the </a:t>
            </a:r>
            <a:r>
              <a:rPr lang="en-US" altLang="da-DK" sz="900" b="1" noProof="1">
                <a:solidFill>
                  <a:schemeClr val="accent3"/>
                </a:solidFill>
                <a:latin typeface="+mn-lt"/>
                <a:cs typeface="Arial" panose="020B0604020202020204" pitchFamily="34" charset="0"/>
              </a:rPr>
              <a:t>Home</a:t>
            </a:r>
            <a:r>
              <a:rPr lang="en-US" altLang="da-DK" sz="900" b="0" noProof="1">
                <a:solidFill>
                  <a:schemeClr val="accent3"/>
                </a:solidFill>
                <a:latin typeface="+mn-lt"/>
                <a:cs typeface="Arial" panose="020B0604020202020204" pitchFamily="34" charset="0"/>
              </a:rPr>
              <a:t> tab to insert a new slide</a:t>
            </a:r>
            <a:br>
              <a:rPr lang="en-US" altLang="da-DK" sz="900" b="0" noProof="1">
                <a:solidFill>
                  <a:schemeClr val="accent3"/>
                </a:solidFill>
                <a:latin typeface="+mn-lt"/>
                <a:cs typeface="Arial" panose="020B0604020202020204" pitchFamily="34" charset="0"/>
              </a:rPr>
            </a:br>
            <a:br>
              <a:rPr lang="en-US" altLang="da-DK" sz="900" b="0" noProof="1">
                <a:solidFill>
                  <a:schemeClr val="accent3"/>
                </a:solidFill>
                <a:latin typeface="+mn-lt"/>
                <a:cs typeface="Arial" panose="020B0604020202020204" pitchFamily="34" charset="0"/>
              </a:rPr>
            </a:br>
            <a:r>
              <a:rPr lang="en-US" altLang="da-DK" sz="900" b="1" noProof="1">
                <a:solidFill>
                  <a:schemeClr val="accent3"/>
                </a:solidFill>
                <a:latin typeface="+mn-lt"/>
                <a:cs typeface="Arial" panose="020B0604020202020204" pitchFamily="34" charset="0"/>
              </a:rPr>
              <a:t>Change layout</a:t>
            </a:r>
            <a:endParaRPr lang="en-US" dirty="0">
              <a:solidFill>
                <a:schemeClr val="accent3"/>
              </a:solidFill>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chemeClr val="accent3"/>
                </a:solidFill>
                <a:latin typeface="+mn-lt"/>
                <a:ea typeface="Arial" panose="020B0604020202020204" pitchFamily="34" charset="0"/>
                <a:cs typeface="Arial" panose="020B0604020202020204" pitchFamily="34" charset="0"/>
              </a:rPr>
              <a:t>Click on the arrow next to </a:t>
            </a:r>
            <a:r>
              <a:rPr lang="en-US" sz="900" b="1" dirty="0">
                <a:solidFill>
                  <a:schemeClr val="accent3"/>
                </a:solidFill>
                <a:latin typeface="+mn-lt"/>
                <a:ea typeface="Arial" panose="020B0604020202020204" pitchFamily="34" charset="0"/>
                <a:cs typeface="Arial" panose="020B0604020202020204" pitchFamily="34" charset="0"/>
              </a:rPr>
              <a:t>Layout</a:t>
            </a:r>
            <a:br>
              <a:rPr lang="en-US" sz="900" b="1" dirty="0">
                <a:solidFill>
                  <a:schemeClr val="accent3"/>
                </a:solidFill>
                <a:latin typeface="+mn-lt"/>
                <a:ea typeface="Arial" panose="020B0604020202020204" pitchFamily="34" charset="0"/>
                <a:cs typeface="Arial" panose="020B0604020202020204" pitchFamily="34" charset="0"/>
              </a:rPr>
            </a:br>
            <a:r>
              <a:rPr lang="en-US" sz="900" dirty="0">
                <a:solidFill>
                  <a:schemeClr val="accent3"/>
                </a:solidFill>
                <a:latin typeface="+mn-lt"/>
                <a:ea typeface="Arial" panose="020B0604020202020204" pitchFamily="34" charset="0"/>
                <a:cs typeface="Arial" panose="020B0604020202020204" pitchFamily="34" charset="0"/>
              </a:rPr>
              <a:t>to view a dropdown menu of possible slide layouts</a:t>
            </a:r>
            <a:br>
              <a:rPr lang="en-US" altLang="da-DK" sz="900" b="0" baseline="0" noProof="1">
                <a:solidFill>
                  <a:schemeClr val="accent3"/>
                </a:solidFill>
                <a:latin typeface="+mn-lt"/>
                <a:cs typeface="Arial" panose="020B0604020202020204" pitchFamily="34" charset="0"/>
              </a:rPr>
            </a:br>
            <a:br>
              <a:rPr lang="en-US" altLang="da-DK" sz="900" b="0" baseline="0" noProof="1">
                <a:solidFill>
                  <a:schemeClr val="accent3"/>
                </a:solidFill>
                <a:latin typeface="+mn-lt"/>
                <a:cs typeface="Arial" panose="020B0604020202020204" pitchFamily="34" charset="0"/>
              </a:rPr>
            </a:br>
            <a:r>
              <a:rPr lang="en-US" sz="900" b="1" noProof="1">
                <a:solidFill>
                  <a:schemeClr val="accent3"/>
                </a:solidFill>
                <a:latin typeface="+mn-lt"/>
                <a:cs typeface="Arial" panose="020B0604020202020204" pitchFamily="34" charset="0"/>
              </a:rPr>
              <a:t>Reset slide</a:t>
            </a:r>
            <a:endParaRPr lang="en-US" dirty="0">
              <a:solidFill>
                <a:schemeClr val="accent3"/>
              </a:solidFill>
            </a:endParaRP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accent3"/>
                </a:solidFill>
                <a:latin typeface="+mn-lt"/>
                <a:cs typeface="Arial" panose="020B0604020202020204" pitchFamily="34" charset="0"/>
              </a:rPr>
              <a:t>Click the </a:t>
            </a:r>
            <a:r>
              <a:rPr lang="en-US" altLang="da-DK" sz="900" b="1" baseline="0" noProof="1">
                <a:solidFill>
                  <a:schemeClr val="accent3"/>
                </a:solidFill>
                <a:latin typeface="+mn-lt"/>
                <a:cs typeface="Arial" panose="020B0604020202020204" pitchFamily="34" charset="0"/>
              </a:rPr>
              <a:t>Reset </a:t>
            </a:r>
            <a:r>
              <a:rPr lang="en-US" altLang="da-DK" sz="900" noProof="1">
                <a:solidFill>
                  <a:schemeClr val="accent3"/>
                </a:solidFill>
                <a:latin typeface="+mn-lt"/>
                <a:cs typeface="Arial" panose="020B0604020202020204" pitchFamily="34" charset="0"/>
              </a:rPr>
              <a:t>menu to reset position, size</a:t>
            </a:r>
            <a:r>
              <a:rPr lang="en-US" altLang="da-DK" sz="900" baseline="0" noProof="1">
                <a:solidFill>
                  <a:schemeClr val="accent3"/>
                </a:solidFill>
                <a:latin typeface="+mn-lt"/>
                <a:cs typeface="Arial" panose="020B0604020202020204" pitchFamily="34" charset="0"/>
              </a:rPr>
              <a:t> and formatting of the </a:t>
            </a:r>
            <a:br>
              <a:rPr lang="en-US" altLang="da-DK" sz="900" baseline="0" noProof="1">
                <a:solidFill>
                  <a:schemeClr val="accent3"/>
                </a:solidFill>
                <a:latin typeface="+mn-lt"/>
                <a:cs typeface="Arial" panose="020B0604020202020204" pitchFamily="34" charset="0"/>
              </a:rPr>
            </a:br>
            <a:r>
              <a:rPr lang="en-US" altLang="da-DK" sz="900" baseline="0" noProof="1">
                <a:solidFill>
                  <a:schemeClr val="accent3"/>
                </a:solidFill>
                <a:latin typeface="+mn-lt"/>
                <a:cs typeface="Arial" panose="020B0604020202020204" pitchFamily="34" charset="0"/>
              </a:rPr>
              <a:t>slide placeholders to their default settings</a:t>
            </a:r>
            <a:endParaRPr lang="en-US" altLang="da-DK" sz="900" noProof="1">
              <a:solidFill>
                <a:schemeClr val="accent3"/>
              </a:solidFill>
              <a:latin typeface="+mn-lt"/>
              <a:cs typeface="Arial" panose="020B0604020202020204" pitchFamily="34" charset="0"/>
            </a:endParaRPr>
          </a:p>
          <a:p>
            <a:pPr eaLnBrk="1" hangingPunct="1">
              <a:spcAft>
                <a:spcPts val="600"/>
              </a:spcAft>
              <a:defRPr/>
            </a:pPr>
            <a:endParaRPr lang="en-US" altLang="da-DK" sz="900" b="0" noProof="1">
              <a:solidFill>
                <a:schemeClr val="accent3"/>
              </a:solidFill>
              <a:latin typeface="+mn-lt"/>
              <a:cs typeface="Arial" panose="020B0604020202020204" pitchFamily="34" charset="0"/>
            </a:endParaRPr>
          </a:p>
        </p:txBody>
      </p:sp>
      <p:pic>
        <p:nvPicPr>
          <p:cNvPr id="14" name="Picture 16">
            <a:extLst>
              <a:ext uri="{FF2B5EF4-FFF2-40B4-BE49-F238E27FC236}">
                <a16:creationId xmlns:a16="http://schemas.microsoft.com/office/drawing/2014/main" id="{989C73D0-4D22-4A28-394F-680E935B19EA}"/>
              </a:ext>
            </a:extLst>
          </p:cNvPr>
          <p:cNvPicPr>
            <a:picLocks noChangeAspect="1"/>
          </p:cNvPicPr>
          <p:nvPr userDrawn="1"/>
        </p:nvPicPr>
        <p:blipFill>
          <a:blip r:embed="rId2"/>
          <a:stretch>
            <a:fillRect/>
          </a:stretch>
        </p:blipFill>
        <p:spPr>
          <a:xfrm>
            <a:off x="2648750" y="1492295"/>
            <a:ext cx="328881" cy="505501"/>
          </a:xfrm>
          <a:prstGeom prst="rect">
            <a:avLst/>
          </a:prstGeom>
        </p:spPr>
      </p:pic>
      <p:pic>
        <p:nvPicPr>
          <p:cNvPr id="15" name="Picture 20">
            <a:extLst>
              <a:ext uri="{FF2B5EF4-FFF2-40B4-BE49-F238E27FC236}">
                <a16:creationId xmlns:a16="http://schemas.microsoft.com/office/drawing/2014/main" id="{72143A26-24A6-D27B-3359-A4579B926B35}"/>
              </a:ext>
            </a:extLst>
          </p:cNvPr>
          <p:cNvPicPr>
            <a:picLocks noChangeAspect="1"/>
          </p:cNvPicPr>
          <p:nvPr userDrawn="1"/>
        </p:nvPicPr>
        <p:blipFill>
          <a:blip r:embed="rId3"/>
          <a:stretch>
            <a:fillRect/>
          </a:stretch>
        </p:blipFill>
        <p:spPr>
          <a:xfrm>
            <a:off x="2648750" y="2688100"/>
            <a:ext cx="538465" cy="172841"/>
          </a:xfrm>
          <a:prstGeom prst="rect">
            <a:avLst/>
          </a:prstGeom>
        </p:spPr>
      </p:pic>
      <p:pic>
        <p:nvPicPr>
          <p:cNvPr id="16" name="Picture 15">
            <a:extLst>
              <a:ext uri="{FF2B5EF4-FFF2-40B4-BE49-F238E27FC236}">
                <a16:creationId xmlns:a16="http://schemas.microsoft.com/office/drawing/2014/main" id="{3874EF3C-9D69-22CD-7F96-3014EFC4C046}"/>
              </a:ext>
            </a:extLst>
          </p:cNvPr>
          <p:cNvPicPr>
            <a:picLocks noChangeAspect="1"/>
          </p:cNvPicPr>
          <p:nvPr userDrawn="1"/>
        </p:nvPicPr>
        <p:blipFill>
          <a:blip r:embed="rId4"/>
          <a:stretch>
            <a:fillRect/>
          </a:stretch>
        </p:blipFill>
        <p:spPr>
          <a:xfrm>
            <a:off x="2648749" y="2143979"/>
            <a:ext cx="475428" cy="176762"/>
          </a:xfrm>
          <a:prstGeom prst="rect">
            <a:avLst/>
          </a:prstGeom>
        </p:spPr>
      </p:pic>
      <p:pic>
        <p:nvPicPr>
          <p:cNvPr id="17" name="Picture 33">
            <a:extLst>
              <a:ext uri="{FF2B5EF4-FFF2-40B4-BE49-F238E27FC236}">
                <a16:creationId xmlns:a16="http://schemas.microsoft.com/office/drawing/2014/main" id="{A3D13C2A-A11C-6AB4-0ABF-3D252915147A}"/>
              </a:ext>
            </a:extLst>
          </p:cNvPr>
          <p:cNvPicPr>
            <a:picLocks noChangeAspect="1"/>
          </p:cNvPicPr>
          <p:nvPr userDrawn="1"/>
        </p:nvPicPr>
        <p:blipFill rotWithShape="1">
          <a:blip r:embed="rId5"/>
          <a:srcRect l="3901" t="45142" r="62601" b="9046"/>
          <a:stretch/>
        </p:blipFill>
        <p:spPr>
          <a:xfrm>
            <a:off x="7014052" y="1620287"/>
            <a:ext cx="341204" cy="321707"/>
          </a:xfrm>
          <a:prstGeom prst="rect">
            <a:avLst/>
          </a:prstGeom>
        </p:spPr>
      </p:pic>
      <p:sp>
        <p:nvSpPr>
          <p:cNvPr id="9" name="Text Box 3">
            <a:extLst>
              <a:ext uri="{FF2B5EF4-FFF2-40B4-BE49-F238E27FC236}">
                <a16:creationId xmlns:a16="http://schemas.microsoft.com/office/drawing/2014/main" id="{73575DB4-3890-4EB1-3A87-FCB32632888F}"/>
              </a:ext>
            </a:extLst>
          </p:cNvPr>
          <p:cNvSpPr txBox="1">
            <a:spLocks noChangeArrowheads="1"/>
          </p:cNvSpPr>
          <p:nvPr userDrawn="1"/>
        </p:nvSpPr>
        <p:spPr bwMode="auto">
          <a:xfrm>
            <a:off x="8141953" y="1095538"/>
            <a:ext cx="2786833" cy="49859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solidFill>
                  <a:schemeClr val="accent4"/>
                </a:solidFill>
                <a:latin typeface="+mn-lt"/>
                <a:cs typeface="Arial" panose="020B0604020202020204" pitchFamily="34" charset="0"/>
              </a:rPr>
              <a:t>GRID MARK BOXES</a:t>
            </a:r>
            <a:br>
              <a:rPr lang="en-US" sz="1600" dirty="0">
                <a:solidFill>
                  <a:schemeClr val="accent4"/>
                </a:solidFill>
                <a:latin typeface="+mn-lt"/>
                <a:cs typeface="Arial" panose="020B0604020202020204" pitchFamily="34" charset="0"/>
              </a:rPr>
            </a:br>
            <a:br>
              <a:rPr lang="en-US" sz="900" dirty="0">
                <a:solidFill>
                  <a:schemeClr val="accent4"/>
                </a:solidFill>
                <a:latin typeface="+mn-lt"/>
                <a:cs typeface="Arial" panose="020B0604020202020204" pitchFamily="34" charset="0"/>
              </a:rPr>
            </a:br>
            <a:r>
              <a:rPr lang="en-US" altLang="da-DK" sz="900" b="1" baseline="0" noProof="1">
                <a:solidFill>
                  <a:schemeClr val="accent4"/>
                </a:solidFill>
                <a:latin typeface="+mn-lt"/>
                <a:cs typeface="Arial" panose="020B0604020202020204" pitchFamily="34" charset="0"/>
              </a:rPr>
              <a:t>ADD PICTURE</a:t>
            </a:r>
            <a:endParaRPr lang="en-US" dirty="0">
              <a:solidFill>
                <a:schemeClr val="accent4"/>
              </a:solidFill>
            </a:endParaRPr>
          </a:p>
          <a:p>
            <a:pPr eaLnBrk="1" hangingPunct="1">
              <a:spcAft>
                <a:spcPts val="600"/>
              </a:spcAft>
              <a:defRPr/>
            </a:pPr>
            <a:r>
              <a:rPr lang="en-US" altLang="da-DK" sz="900" b="0" noProof="1">
                <a:solidFill>
                  <a:schemeClr val="accent4"/>
                </a:solidFill>
                <a:latin typeface="+mn-lt"/>
                <a:cs typeface="Arial" panose="020B0604020202020204" pitchFamily="34" charset="0"/>
              </a:rPr>
              <a:t>On slides with pictureplaceholder, click on the icon and choose </a:t>
            </a:r>
            <a:r>
              <a:rPr lang="en-US" altLang="da-DK" sz="900" b="1" noProof="1">
                <a:solidFill>
                  <a:schemeClr val="accent4"/>
                </a:solidFill>
                <a:latin typeface="+mn-lt"/>
                <a:cs typeface="Arial" panose="020B0604020202020204" pitchFamily="34" charset="0"/>
              </a:rPr>
              <a:t>Insert</a:t>
            </a:r>
            <a:endParaRPr lang="en-US" dirty="0">
              <a:solidFill>
                <a:schemeClr val="accent4"/>
              </a:solidFill>
            </a:endParaRPr>
          </a:p>
          <a:p>
            <a:pPr eaLnBrk="1" hangingPunct="1">
              <a:spcBef>
                <a:spcPts val="1200"/>
              </a:spcBef>
              <a:spcAft>
                <a:spcPts val="600"/>
              </a:spcAft>
              <a:defRPr/>
            </a:pPr>
            <a:r>
              <a:rPr lang="en-US" sz="900" b="1" noProof="1">
                <a:solidFill>
                  <a:schemeClr val="accent4"/>
                </a:solidFill>
                <a:latin typeface="+mn-lt"/>
                <a:cs typeface="Arial" panose="020B0604020202020204" pitchFamily="34" charset="0"/>
              </a:rPr>
              <a:t>Crop picture</a:t>
            </a:r>
            <a:endParaRPr lang="en-US" dirty="0">
              <a:solidFill>
                <a:schemeClr val="accent4"/>
              </a:solidFill>
            </a:endParaRPr>
          </a:p>
          <a:p>
            <a:pPr eaLnBrk="1" hangingPunct="1">
              <a:spcAft>
                <a:spcPts val="600"/>
              </a:spcAft>
              <a:defRPr/>
            </a:pPr>
            <a:r>
              <a:rPr lang="en-US" altLang="da-DK" sz="900" b="1" noProof="1">
                <a:solidFill>
                  <a:schemeClr val="accent4"/>
                </a:solidFill>
                <a:latin typeface="+mn-lt"/>
                <a:cs typeface="Arial" panose="020B0604020202020204" pitchFamily="34" charset="0"/>
              </a:rPr>
              <a:t>1. </a:t>
            </a:r>
            <a:r>
              <a:rPr lang="en-US" altLang="da-DK" sz="900" b="0" noProof="1">
                <a:solidFill>
                  <a:schemeClr val="accent4"/>
                </a:solidFill>
                <a:latin typeface="+mn-lt"/>
                <a:cs typeface="Arial" panose="020B0604020202020204" pitchFamily="34" charset="0"/>
              </a:rPr>
              <a:t>Click </a:t>
            </a:r>
            <a:r>
              <a:rPr lang="en-US" altLang="da-DK" sz="900" b="1" noProof="1">
                <a:solidFill>
                  <a:schemeClr val="accent4"/>
                </a:solidFill>
                <a:latin typeface="+mn-lt"/>
                <a:cs typeface="Arial" panose="020B0604020202020204" pitchFamily="34" charset="0"/>
              </a:rPr>
              <a:t>Crop</a:t>
            </a:r>
            <a:r>
              <a:rPr lang="en-US" altLang="da-DK" sz="900" b="0" noProof="1">
                <a:solidFill>
                  <a:schemeClr val="accent4"/>
                </a:solidFill>
                <a:latin typeface="+mn-lt"/>
                <a:cs typeface="Arial" panose="020B0604020202020204" pitchFamily="34" charset="0"/>
              </a:rPr>
              <a:t> to change size or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focus of the picture</a:t>
            </a:r>
            <a:endParaRPr lang="en-US" dirty="0">
              <a:solidFill>
                <a:schemeClr val="accent4"/>
              </a:solidFill>
            </a:endParaRPr>
          </a:p>
          <a:p>
            <a:pPr eaLnBrk="1" hangingPunct="1">
              <a:spcAft>
                <a:spcPts val="600"/>
              </a:spcAft>
              <a:defRPr/>
            </a:pPr>
            <a:r>
              <a:rPr lang="en-US" altLang="da-DK" sz="900" b="1" noProof="1">
                <a:solidFill>
                  <a:schemeClr val="accent4"/>
                </a:solidFill>
                <a:latin typeface="+mn-lt"/>
                <a:cs typeface="Arial" panose="020B0604020202020204" pitchFamily="34" charset="0"/>
              </a:rPr>
              <a:t>2. </a:t>
            </a:r>
            <a:r>
              <a:rPr lang="en-US" altLang="da-DK" sz="900" b="0" noProof="1">
                <a:solidFill>
                  <a:schemeClr val="accent4"/>
                </a:solidFill>
                <a:latin typeface="+mn-lt"/>
                <a:cs typeface="Arial" panose="020B0604020202020204" pitchFamily="34" charset="0"/>
              </a:rPr>
              <a:t>If you want to scale the picture,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hold </a:t>
            </a:r>
            <a:r>
              <a:rPr lang="en-US" altLang="da-DK" sz="900" b="1" noProof="1">
                <a:solidFill>
                  <a:schemeClr val="accent4"/>
                </a:solidFill>
                <a:latin typeface="+mn-lt"/>
                <a:cs typeface="Arial" panose="020B0604020202020204" pitchFamily="34" charset="0"/>
              </a:rPr>
              <a:t>SHIFT</a:t>
            </a:r>
            <a:r>
              <a:rPr lang="en-US" altLang="da-DK" sz="900" b="0" noProof="1">
                <a:solidFill>
                  <a:schemeClr val="accent4"/>
                </a:solidFill>
                <a:latin typeface="+mn-lt"/>
                <a:cs typeface="Arial" panose="020B0604020202020204" pitchFamily="34" charset="0"/>
              </a:rPr>
              <a:t>-key down while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dragging the corners of the picture</a:t>
            </a:r>
            <a:br>
              <a:rPr lang="en-US" altLang="da-DK" sz="900" b="0" noProof="1">
                <a:solidFill>
                  <a:schemeClr val="accent4"/>
                </a:solidFill>
                <a:latin typeface="+mn-lt"/>
                <a:cs typeface="Arial" panose="020B0604020202020204" pitchFamily="34" charset="0"/>
              </a:rPr>
            </a:br>
            <a:endParaRPr lang="en-US" altLang="da-DK" sz="900" b="0" noProof="1">
              <a:solidFill>
                <a:schemeClr val="accent4"/>
              </a:solidFill>
              <a:latin typeface="+mn-lt"/>
              <a:cs typeface="Arial" panose="020B0604020202020204" pitchFamily="34" charset="0"/>
            </a:endParaRPr>
          </a:p>
          <a:p>
            <a:pPr eaLnBrk="1" hangingPunct="1">
              <a:spcAft>
                <a:spcPts val="600"/>
              </a:spcAft>
              <a:defRPr/>
            </a:pPr>
            <a:r>
              <a:rPr lang="en-US" altLang="da-DK" sz="900" b="1" noProof="1">
                <a:solidFill>
                  <a:schemeClr val="accent4"/>
                </a:solidFill>
                <a:latin typeface="+mn-lt"/>
                <a:cs typeface="Arial" panose="020B0604020202020204" pitchFamily="34" charset="0"/>
              </a:rPr>
              <a:t>HINT: </a:t>
            </a:r>
            <a:r>
              <a:rPr lang="en-US" altLang="da-DK" sz="900" b="0" noProof="1">
                <a:solidFill>
                  <a:schemeClr val="accent4"/>
                </a:solidFill>
                <a:latin typeface="+mn-lt"/>
                <a:cs typeface="Arial" panose="020B0604020202020204" pitchFamily="34" charset="0"/>
              </a:rPr>
              <a:t>If you delete the picture and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insert a new one, the picture may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lie in front of the text or graphic.</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If this happens, select the picture,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right-click and choose </a:t>
            </a:r>
            <a:r>
              <a:rPr lang="en-US" altLang="da-DK" sz="900" b="1" noProof="1">
                <a:solidFill>
                  <a:schemeClr val="accent4"/>
                </a:solidFill>
                <a:latin typeface="+mn-lt"/>
                <a:cs typeface="Arial" panose="020B0604020202020204" pitchFamily="34" charset="0"/>
              </a:rPr>
              <a:t>Send to Back</a:t>
            </a:r>
          </a:p>
          <a:p>
            <a:pPr eaLnBrk="1" hangingPunct="1">
              <a:spcAft>
                <a:spcPts val="600"/>
              </a:spcAft>
              <a:defRPr/>
            </a:pPr>
            <a:endParaRPr lang="en-US" altLang="da-DK" sz="900" b="1" noProof="1">
              <a:solidFill>
                <a:schemeClr val="accent4"/>
              </a:solidFill>
              <a:latin typeface="+mn-lt"/>
              <a:cs typeface="Arial" panose="020B0604020202020204" pitchFamily="34" charset="0"/>
            </a:endParaRPr>
          </a:p>
          <a:p>
            <a:pPr eaLnBrk="1" hangingPunct="1">
              <a:spcAft>
                <a:spcPts val="600"/>
              </a:spcAft>
              <a:defRPr/>
            </a:pPr>
            <a:r>
              <a:rPr lang="en-US" altLang="da-DK" sz="900" b="1" noProof="1">
                <a:solidFill>
                  <a:schemeClr val="accent4"/>
                </a:solidFill>
                <a:latin typeface="+mn-lt"/>
                <a:cs typeface="Arial" panose="020B0604020202020204" pitchFamily="34" charset="0"/>
              </a:rPr>
              <a:t>Grid Mark Usage</a:t>
            </a:r>
          </a:p>
          <a:p>
            <a:pPr marL="171450" marR="0" lvl="0" indent="-171450" algn="l" defTabSz="914400" rtl="0" eaLnBrk="1" fontAlgn="auto" latinLnBrk="0" hangingPunct="1">
              <a:lnSpc>
                <a:spcPct val="100000"/>
              </a:lnSpc>
              <a:spcBef>
                <a:spcPts val="0"/>
              </a:spcBef>
              <a:spcAft>
                <a:spcPts val="600"/>
              </a:spcAft>
              <a:buClrTx/>
              <a:buSzTx/>
              <a:buFont typeface="System Font Regular"/>
              <a:buChar char="+"/>
              <a:tabLst/>
              <a:defRPr/>
            </a:pPr>
            <a:r>
              <a:rPr lang="en-US" altLang="da-DK" sz="900" b="0" noProof="1">
                <a:solidFill>
                  <a:schemeClr val="accent4"/>
                </a:solidFill>
                <a:latin typeface="+mn-lt"/>
                <a:cs typeface="Arial" panose="020B0604020202020204" pitchFamily="34" charset="0"/>
              </a:rPr>
              <a:t>Reserve active grid for </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hero moments</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with photography</a:t>
            </a:r>
          </a:p>
          <a:p>
            <a:pPr marL="171450" marR="0" lvl="0" indent="-171450" algn="l" defTabSz="914400" rtl="0" eaLnBrk="1" fontAlgn="auto" latinLnBrk="0" hangingPunct="1">
              <a:lnSpc>
                <a:spcPct val="100000"/>
              </a:lnSpc>
              <a:spcBef>
                <a:spcPts val="0"/>
              </a:spcBef>
              <a:spcAft>
                <a:spcPts val="600"/>
              </a:spcAft>
              <a:buClrTx/>
              <a:buSzTx/>
              <a:buFont typeface="System Font Regular"/>
              <a:buChar char="+"/>
              <a:tabLst/>
              <a:defRPr/>
            </a:pPr>
            <a:r>
              <a:rPr lang="en-US" altLang="da-DK" sz="900" b="0" noProof="1">
                <a:solidFill>
                  <a:schemeClr val="accent4"/>
                </a:solidFill>
                <a:latin typeface="+mn-lt"/>
                <a:cs typeface="Arial" panose="020B0604020202020204" pitchFamily="34" charset="0"/>
              </a:rPr>
              <a:t>Do not overuse:</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if the slide has ‘plus’ mark bullet points or ’plus’ supergraphics in the layout, do not use the active grid image box. </a:t>
            </a:r>
          </a:p>
          <a:p>
            <a:pPr marL="171450" marR="0" lvl="0" indent="-171450" algn="l" defTabSz="914400" rtl="0" eaLnBrk="1" fontAlgn="auto" latinLnBrk="0" hangingPunct="1">
              <a:lnSpc>
                <a:spcPct val="100000"/>
              </a:lnSpc>
              <a:spcBef>
                <a:spcPts val="0"/>
              </a:spcBef>
              <a:spcAft>
                <a:spcPts val="600"/>
              </a:spcAft>
              <a:buClrTx/>
              <a:buSzTx/>
              <a:buFont typeface="System Font Regular"/>
              <a:buChar char="+"/>
              <a:tabLst/>
              <a:defRPr/>
            </a:pPr>
            <a:endParaRPr lang="en-US" altLang="da-DK" sz="900" b="0" noProof="1">
              <a:solidFill>
                <a:schemeClr val="accent4"/>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noProof="1">
              <a:solidFill>
                <a:schemeClr val="accent4"/>
              </a:solidFill>
              <a:latin typeface="+mn-lt"/>
              <a:cs typeface="Arial" panose="020B0604020202020204" pitchFamily="34" charset="0"/>
            </a:endParaRPr>
          </a:p>
        </p:txBody>
      </p:sp>
      <p:pic>
        <p:nvPicPr>
          <p:cNvPr id="10" name="Picture 33">
            <a:extLst>
              <a:ext uri="{FF2B5EF4-FFF2-40B4-BE49-F238E27FC236}">
                <a16:creationId xmlns:a16="http://schemas.microsoft.com/office/drawing/2014/main" id="{9CC7F03F-03CB-BD8F-B8D2-59A866CF8AF7}"/>
              </a:ext>
            </a:extLst>
          </p:cNvPr>
          <p:cNvPicPr>
            <a:picLocks noChangeAspect="1"/>
          </p:cNvPicPr>
          <p:nvPr userDrawn="1"/>
        </p:nvPicPr>
        <p:blipFill rotWithShape="1">
          <a:blip r:embed="rId5"/>
          <a:srcRect l="3901" t="45142" r="62601" b="9046"/>
          <a:stretch/>
        </p:blipFill>
        <p:spPr>
          <a:xfrm>
            <a:off x="10889367" y="1620287"/>
            <a:ext cx="341204" cy="321707"/>
          </a:xfrm>
          <a:prstGeom prst="rect">
            <a:avLst/>
          </a:prstGeom>
        </p:spPr>
      </p:pic>
      <p:sp>
        <p:nvSpPr>
          <p:cNvPr id="18" name="Slide Number Placeholder 12">
            <a:extLst>
              <a:ext uri="{FF2B5EF4-FFF2-40B4-BE49-F238E27FC236}">
                <a16:creationId xmlns:a16="http://schemas.microsoft.com/office/drawing/2014/main" id="{B9A81DCA-89F8-A7AE-DD31-7ADA01677DF6}"/>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tx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pic>
        <p:nvPicPr>
          <p:cNvPr id="4" name="Picture Placeholder 5" descr="A person with the mouth open&#10;&#10;Description automatically generated with low confidence">
            <a:extLst>
              <a:ext uri="{FF2B5EF4-FFF2-40B4-BE49-F238E27FC236}">
                <a16:creationId xmlns:a16="http://schemas.microsoft.com/office/drawing/2014/main" id="{A4F83352-8AB9-316A-BCC4-DC8DA70C132F}"/>
              </a:ext>
            </a:extLst>
          </p:cNvPr>
          <p:cNvPicPr>
            <a:picLocks noChangeAspect="1"/>
          </p:cNvPicPr>
          <p:nvPr userDrawn="1"/>
        </p:nvPicPr>
        <p:blipFill>
          <a:blip r:embed="rId6" cstate="print">
            <a:extLst>
              <a:ext uri="{28A0092B-C50C-407E-A947-70E740481C1C}">
                <a14:useLocalDpi xmlns:a14="http://schemas.microsoft.com/office/drawing/2010/main" val="0"/>
              </a:ext>
            </a:extLst>
          </a:blip>
          <a:srcRect t="12601" b="12601"/>
          <a:stretch>
            <a:fillRect/>
          </a:stretch>
        </p:blipFill>
        <p:spPr>
          <a:xfrm>
            <a:off x="9535369" y="4351866"/>
            <a:ext cx="1291282" cy="770157"/>
          </a:xfrm>
          <a:custGeom>
            <a:avLst/>
            <a:gdLst>
              <a:gd name="connsiteX0" fmla="*/ 3287352 w 3601561"/>
              <a:gd name="connsiteY0" fmla="*/ 1810908 h 2187455"/>
              <a:gd name="connsiteX1" fmla="*/ 3287352 w 3601561"/>
              <a:gd name="connsiteY1" fmla="*/ 1878878 h 2187455"/>
              <a:gd name="connsiteX2" fmla="*/ 3217329 w 3601561"/>
              <a:gd name="connsiteY2" fmla="*/ 1878878 h 2187455"/>
              <a:gd name="connsiteX3" fmla="*/ 3217329 w 3601561"/>
              <a:gd name="connsiteY3" fmla="*/ 1900069 h 2187455"/>
              <a:gd name="connsiteX4" fmla="*/ 3287352 w 3601561"/>
              <a:gd name="connsiteY4" fmla="*/ 1900069 h 2187455"/>
              <a:gd name="connsiteX5" fmla="*/ 3287352 w 3601561"/>
              <a:gd name="connsiteY5" fmla="*/ 1968039 h 2187455"/>
              <a:gd name="connsiteX6" fmla="*/ 3308582 w 3601561"/>
              <a:gd name="connsiteY6" fmla="*/ 1968039 h 2187455"/>
              <a:gd name="connsiteX7" fmla="*/ 3308582 w 3601561"/>
              <a:gd name="connsiteY7" fmla="*/ 1900069 h 2187455"/>
              <a:gd name="connsiteX8" fmla="*/ 3378605 w 3601561"/>
              <a:gd name="connsiteY8" fmla="*/ 1900069 h 2187455"/>
              <a:gd name="connsiteX9" fmla="*/ 3378605 w 3601561"/>
              <a:gd name="connsiteY9" fmla="*/ 1878878 h 2187455"/>
              <a:gd name="connsiteX10" fmla="*/ 3308582 w 3601561"/>
              <a:gd name="connsiteY10" fmla="*/ 1878878 h 2187455"/>
              <a:gd name="connsiteX11" fmla="*/ 3308582 w 3601561"/>
              <a:gd name="connsiteY11" fmla="*/ 1810908 h 2187455"/>
              <a:gd name="connsiteX12" fmla="*/ 293562 w 3601561"/>
              <a:gd name="connsiteY12" fmla="*/ 1810908 h 2187455"/>
              <a:gd name="connsiteX13" fmla="*/ 293562 w 3601561"/>
              <a:gd name="connsiteY13" fmla="*/ 1878878 h 2187455"/>
              <a:gd name="connsiteX14" fmla="*/ 223539 w 3601561"/>
              <a:gd name="connsiteY14" fmla="*/ 1878878 h 2187455"/>
              <a:gd name="connsiteX15" fmla="*/ 223539 w 3601561"/>
              <a:gd name="connsiteY15" fmla="*/ 1900069 h 2187455"/>
              <a:gd name="connsiteX16" fmla="*/ 293562 w 3601561"/>
              <a:gd name="connsiteY16" fmla="*/ 1900069 h 2187455"/>
              <a:gd name="connsiteX17" fmla="*/ 293562 w 3601561"/>
              <a:gd name="connsiteY17" fmla="*/ 1968039 h 2187455"/>
              <a:gd name="connsiteX18" fmla="*/ 314793 w 3601561"/>
              <a:gd name="connsiteY18" fmla="*/ 1968039 h 2187455"/>
              <a:gd name="connsiteX19" fmla="*/ 314793 w 3601561"/>
              <a:gd name="connsiteY19" fmla="*/ 1900069 h 2187455"/>
              <a:gd name="connsiteX20" fmla="*/ 384816 w 3601561"/>
              <a:gd name="connsiteY20" fmla="*/ 1900069 h 2187455"/>
              <a:gd name="connsiteX21" fmla="*/ 384816 w 3601561"/>
              <a:gd name="connsiteY21" fmla="*/ 1878878 h 2187455"/>
              <a:gd name="connsiteX22" fmla="*/ 314793 w 3601561"/>
              <a:gd name="connsiteY22" fmla="*/ 1878878 h 2187455"/>
              <a:gd name="connsiteX23" fmla="*/ 314793 w 3601561"/>
              <a:gd name="connsiteY23" fmla="*/ 1810908 h 2187455"/>
              <a:gd name="connsiteX24" fmla="*/ 3287352 w 3601561"/>
              <a:gd name="connsiteY24" fmla="*/ 223118 h 2187455"/>
              <a:gd name="connsiteX25" fmla="*/ 3287352 w 3601561"/>
              <a:gd name="connsiteY25" fmla="*/ 291089 h 2187455"/>
              <a:gd name="connsiteX26" fmla="*/ 3217329 w 3601561"/>
              <a:gd name="connsiteY26" fmla="*/ 291089 h 2187455"/>
              <a:gd name="connsiteX27" fmla="*/ 3217329 w 3601561"/>
              <a:gd name="connsiteY27" fmla="*/ 312279 h 2187455"/>
              <a:gd name="connsiteX28" fmla="*/ 3287352 w 3601561"/>
              <a:gd name="connsiteY28" fmla="*/ 312279 h 2187455"/>
              <a:gd name="connsiteX29" fmla="*/ 3287352 w 3601561"/>
              <a:gd name="connsiteY29" fmla="*/ 380249 h 2187455"/>
              <a:gd name="connsiteX30" fmla="*/ 3308582 w 3601561"/>
              <a:gd name="connsiteY30" fmla="*/ 380249 h 2187455"/>
              <a:gd name="connsiteX31" fmla="*/ 3308582 w 3601561"/>
              <a:gd name="connsiteY31" fmla="*/ 312279 h 2187455"/>
              <a:gd name="connsiteX32" fmla="*/ 3378605 w 3601561"/>
              <a:gd name="connsiteY32" fmla="*/ 312279 h 2187455"/>
              <a:gd name="connsiteX33" fmla="*/ 3378605 w 3601561"/>
              <a:gd name="connsiteY33" fmla="*/ 291089 h 2187455"/>
              <a:gd name="connsiteX34" fmla="*/ 3308582 w 3601561"/>
              <a:gd name="connsiteY34" fmla="*/ 291089 h 2187455"/>
              <a:gd name="connsiteX35" fmla="*/ 3308582 w 3601561"/>
              <a:gd name="connsiteY35" fmla="*/ 223118 h 2187455"/>
              <a:gd name="connsiteX36" fmla="*/ 293500 w 3601561"/>
              <a:gd name="connsiteY36" fmla="*/ 223056 h 2187455"/>
              <a:gd name="connsiteX37" fmla="*/ 293500 w 3601561"/>
              <a:gd name="connsiteY37" fmla="*/ 291027 h 2187455"/>
              <a:gd name="connsiteX38" fmla="*/ 223477 w 3601561"/>
              <a:gd name="connsiteY38" fmla="*/ 291027 h 2187455"/>
              <a:gd name="connsiteX39" fmla="*/ 223477 w 3601561"/>
              <a:gd name="connsiteY39" fmla="*/ 312217 h 2187455"/>
              <a:gd name="connsiteX40" fmla="*/ 293500 w 3601561"/>
              <a:gd name="connsiteY40" fmla="*/ 312217 h 2187455"/>
              <a:gd name="connsiteX41" fmla="*/ 293500 w 3601561"/>
              <a:gd name="connsiteY41" fmla="*/ 380187 h 2187455"/>
              <a:gd name="connsiteX42" fmla="*/ 314731 w 3601561"/>
              <a:gd name="connsiteY42" fmla="*/ 380187 h 2187455"/>
              <a:gd name="connsiteX43" fmla="*/ 314731 w 3601561"/>
              <a:gd name="connsiteY43" fmla="*/ 312217 h 2187455"/>
              <a:gd name="connsiteX44" fmla="*/ 384753 w 3601561"/>
              <a:gd name="connsiteY44" fmla="*/ 312217 h 2187455"/>
              <a:gd name="connsiteX45" fmla="*/ 384753 w 3601561"/>
              <a:gd name="connsiteY45" fmla="*/ 291027 h 2187455"/>
              <a:gd name="connsiteX46" fmla="*/ 314731 w 3601561"/>
              <a:gd name="connsiteY46" fmla="*/ 291027 h 2187455"/>
              <a:gd name="connsiteX47" fmla="*/ 314731 w 3601561"/>
              <a:gd name="connsiteY47" fmla="*/ 223056 h 2187455"/>
              <a:gd name="connsiteX48" fmla="*/ 0 w 3601561"/>
              <a:gd name="connsiteY48" fmla="*/ 0 h 2187455"/>
              <a:gd name="connsiteX49" fmla="*/ 3601561 w 3601561"/>
              <a:gd name="connsiteY49" fmla="*/ 0 h 2187455"/>
              <a:gd name="connsiteX50" fmla="*/ 3601561 w 3601561"/>
              <a:gd name="connsiteY50" fmla="*/ 2187455 h 2187455"/>
              <a:gd name="connsiteX51" fmla="*/ 0 w 3601561"/>
              <a:gd name="connsiteY51" fmla="*/ 2187455 h 2187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3601561" h="2187455">
                <a:moveTo>
                  <a:pt x="3287352" y="1810908"/>
                </a:moveTo>
                <a:lnTo>
                  <a:pt x="3287352" y="1878878"/>
                </a:lnTo>
                <a:lnTo>
                  <a:pt x="3217329" y="1878878"/>
                </a:lnTo>
                <a:lnTo>
                  <a:pt x="3217329" y="1900069"/>
                </a:lnTo>
                <a:lnTo>
                  <a:pt x="3287352" y="1900069"/>
                </a:lnTo>
                <a:lnTo>
                  <a:pt x="3287352" y="1968039"/>
                </a:lnTo>
                <a:lnTo>
                  <a:pt x="3308582" y="1968039"/>
                </a:lnTo>
                <a:lnTo>
                  <a:pt x="3308582" y="1900069"/>
                </a:lnTo>
                <a:lnTo>
                  <a:pt x="3378605" y="1900069"/>
                </a:lnTo>
                <a:lnTo>
                  <a:pt x="3378605" y="1878878"/>
                </a:lnTo>
                <a:lnTo>
                  <a:pt x="3308582" y="1878878"/>
                </a:lnTo>
                <a:lnTo>
                  <a:pt x="3308582" y="1810908"/>
                </a:lnTo>
                <a:close/>
                <a:moveTo>
                  <a:pt x="293562" y="1810908"/>
                </a:moveTo>
                <a:lnTo>
                  <a:pt x="293562" y="1878878"/>
                </a:lnTo>
                <a:lnTo>
                  <a:pt x="223539" y="1878878"/>
                </a:lnTo>
                <a:lnTo>
                  <a:pt x="223539" y="1900069"/>
                </a:lnTo>
                <a:lnTo>
                  <a:pt x="293562" y="1900069"/>
                </a:lnTo>
                <a:lnTo>
                  <a:pt x="293562" y="1968039"/>
                </a:lnTo>
                <a:lnTo>
                  <a:pt x="314793" y="1968039"/>
                </a:lnTo>
                <a:lnTo>
                  <a:pt x="314793" y="1900069"/>
                </a:lnTo>
                <a:lnTo>
                  <a:pt x="384816" y="1900069"/>
                </a:lnTo>
                <a:lnTo>
                  <a:pt x="384816" y="1878878"/>
                </a:lnTo>
                <a:lnTo>
                  <a:pt x="314793" y="1878878"/>
                </a:lnTo>
                <a:lnTo>
                  <a:pt x="314793" y="1810908"/>
                </a:lnTo>
                <a:close/>
                <a:moveTo>
                  <a:pt x="3287352" y="223118"/>
                </a:moveTo>
                <a:lnTo>
                  <a:pt x="3287352" y="291089"/>
                </a:lnTo>
                <a:lnTo>
                  <a:pt x="3217329" y="291089"/>
                </a:lnTo>
                <a:lnTo>
                  <a:pt x="3217329" y="312279"/>
                </a:lnTo>
                <a:lnTo>
                  <a:pt x="3287352" y="312279"/>
                </a:lnTo>
                <a:lnTo>
                  <a:pt x="3287352" y="380249"/>
                </a:lnTo>
                <a:lnTo>
                  <a:pt x="3308582" y="380249"/>
                </a:lnTo>
                <a:lnTo>
                  <a:pt x="3308582" y="312279"/>
                </a:lnTo>
                <a:lnTo>
                  <a:pt x="3378605" y="312279"/>
                </a:lnTo>
                <a:lnTo>
                  <a:pt x="3378605" y="291089"/>
                </a:lnTo>
                <a:lnTo>
                  <a:pt x="3308582" y="291089"/>
                </a:lnTo>
                <a:lnTo>
                  <a:pt x="3308582" y="223118"/>
                </a:lnTo>
                <a:close/>
                <a:moveTo>
                  <a:pt x="293500" y="223056"/>
                </a:moveTo>
                <a:lnTo>
                  <a:pt x="293500" y="291027"/>
                </a:lnTo>
                <a:lnTo>
                  <a:pt x="223477" y="291027"/>
                </a:lnTo>
                <a:lnTo>
                  <a:pt x="223477" y="312217"/>
                </a:lnTo>
                <a:lnTo>
                  <a:pt x="293500" y="312217"/>
                </a:lnTo>
                <a:lnTo>
                  <a:pt x="293500" y="380187"/>
                </a:lnTo>
                <a:lnTo>
                  <a:pt x="314731" y="380187"/>
                </a:lnTo>
                <a:lnTo>
                  <a:pt x="314731" y="312217"/>
                </a:lnTo>
                <a:lnTo>
                  <a:pt x="384753" y="312217"/>
                </a:lnTo>
                <a:lnTo>
                  <a:pt x="384753" y="291027"/>
                </a:lnTo>
                <a:lnTo>
                  <a:pt x="314731" y="291027"/>
                </a:lnTo>
                <a:lnTo>
                  <a:pt x="314731" y="223056"/>
                </a:lnTo>
                <a:close/>
                <a:moveTo>
                  <a:pt x="0" y="0"/>
                </a:moveTo>
                <a:lnTo>
                  <a:pt x="3601561" y="0"/>
                </a:lnTo>
                <a:lnTo>
                  <a:pt x="3601561" y="2187455"/>
                </a:lnTo>
                <a:lnTo>
                  <a:pt x="0" y="2187455"/>
                </a:lnTo>
                <a:close/>
              </a:path>
            </a:pathLst>
          </a:custGeom>
        </p:spPr>
      </p:pic>
    </p:spTree>
    <p:extLst>
      <p:ext uri="{BB962C8B-B14F-4D97-AF65-F5344CB8AC3E}">
        <p14:creationId xmlns:p14="http://schemas.microsoft.com/office/powerpoint/2010/main" val="156247098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13" name="Date Placeholder 4">
            <a:extLst>
              <a:ext uri="{FF2B5EF4-FFF2-40B4-BE49-F238E27FC236}">
                <a16:creationId xmlns:a16="http://schemas.microsoft.com/office/drawing/2014/main" id="{D6292185-268C-5388-A289-D6FA84B09BB7}"/>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0A762C96-C57E-6247-A60B-B7A05716DB7B}" type="datetime1">
              <a:rPr lang="en-US" smtClean="0"/>
              <a:t>2/5/2024</a:t>
            </a:fld>
            <a:endParaRPr lang="en-US" dirty="0"/>
          </a:p>
        </p:txBody>
      </p:sp>
      <p:sp>
        <p:nvSpPr>
          <p:cNvPr id="15" name="Slide Number Placeholder 12">
            <a:extLst>
              <a:ext uri="{FF2B5EF4-FFF2-40B4-BE49-F238E27FC236}">
                <a16:creationId xmlns:a16="http://schemas.microsoft.com/office/drawing/2014/main" id="{145FC583-E276-2C73-208A-7AD06AC81F2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18" name="Title 1">
            <a:extLst>
              <a:ext uri="{FF2B5EF4-FFF2-40B4-BE49-F238E27FC236}">
                <a16:creationId xmlns:a16="http://schemas.microsoft.com/office/drawing/2014/main" id="{9823DABA-2F4B-9723-458C-22D504518E70}"/>
              </a:ext>
            </a:extLst>
          </p:cNvPr>
          <p:cNvSpPr>
            <a:spLocks noGrp="1"/>
          </p:cNvSpPr>
          <p:nvPr>
            <p:ph type="ctrTitle" hasCustomPrompt="1"/>
          </p:nvPr>
        </p:nvSpPr>
        <p:spPr>
          <a:xfrm>
            <a:off x="1651914" y="3068491"/>
            <a:ext cx="8888172" cy="721016"/>
          </a:xfrm>
          <a:noFill/>
        </p:spPr>
        <p:txBody>
          <a:bodyPr anchor="b" anchorCtr="0"/>
          <a:lstStyle>
            <a:lvl1pPr algn="ctr">
              <a:lnSpc>
                <a:spcPts val="5000"/>
              </a:lnSpc>
              <a:defRPr sz="5000" b="1">
                <a:solidFill>
                  <a:schemeClr val="accent3"/>
                </a:solidFill>
              </a:defRPr>
            </a:lvl1pPr>
          </a:lstStyle>
          <a:p>
            <a:r>
              <a:rPr lang="en-US" dirty="0"/>
              <a:t>DIVIDER TITLE GOES HERE</a:t>
            </a:r>
          </a:p>
        </p:txBody>
      </p:sp>
      <p:sp>
        <p:nvSpPr>
          <p:cNvPr id="3" name="Freeform: Shape 13">
            <a:extLst>
              <a:ext uri="{FF2B5EF4-FFF2-40B4-BE49-F238E27FC236}">
                <a16:creationId xmlns:a16="http://schemas.microsoft.com/office/drawing/2014/main" id="{2D0AE13D-67FC-CD8E-8F81-AF3B4D892386}"/>
              </a:ext>
            </a:extLst>
          </p:cNvPr>
          <p:cNvSpPr>
            <a:spLocks/>
          </p:cNvSpPr>
          <p:nvPr userDrawn="1"/>
        </p:nvSpPr>
        <p:spPr bwMode="auto">
          <a:xfrm>
            <a:off x="-3783" y="2791899"/>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2"/>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4" name="Freeform: Shape 13">
            <a:extLst>
              <a:ext uri="{FF2B5EF4-FFF2-40B4-BE49-F238E27FC236}">
                <a16:creationId xmlns:a16="http://schemas.microsoft.com/office/drawing/2014/main" id="{4B175076-90A7-7BE1-BEA5-2A17FBFC36EC}"/>
              </a:ext>
            </a:extLst>
          </p:cNvPr>
          <p:cNvSpPr>
            <a:spLocks/>
          </p:cNvSpPr>
          <p:nvPr userDrawn="1"/>
        </p:nvSpPr>
        <p:spPr bwMode="auto">
          <a:xfrm flipH="1">
            <a:off x="11554899" y="2791900"/>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2"/>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Tree>
    <p:extLst>
      <p:ext uri="{BB962C8B-B14F-4D97-AF65-F5344CB8AC3E}">
        <p14:creationId xmlns:p14="http://schemas.microsoft.com/office/powerpoint/2010/main" val="771771990"/>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userDrawn="1">
  <p:cSld name="617c1be4-68bc-46a9-a378-fe27352bbc20">
    <p:spTree>
      <p:nvGrpSpPr>
        <p:cNvPr id="1" name=""/>
        <p:cNvGrpSpPr/>
        <p:nvPr/>
      </p:nvGrpSpPr>
      <p:grpSpPr>
        <a:xfrm>
          <a:off x="0" y="0"/>
          <a:ext cx="0" cy="0"/>
          <a:chOff x="0" y="0"/>
          <a:chExt cx="0" cy="0"/>
        </a:xfrm>
      </p:grpSpPr>
      <p:sp>
        <p:nvSpPr>
          <p:cNvPr id="9" name="Text Placeholder 13">
            <a:extLst>
              <a:ext uri="{FF2B5EF4-FFF2-40B4-BE49-F238E27FC236}">
                <a16:creationId xmlns:a16="http://schemas.microsoft.com/office/drawing/2014/main" id="{A08A0EB6-6EF6-4C48-A3C1-7BAD68A1AAF9}"/>
              </a:ext>
            </a:extLst>
          </p:cNvPr>
          <p:cNvSpPr>
            <a:spLocks noGrp="1"/>
          </p:cNvSpPr>
          <p:nvPr>
            <p:ph type="body" sz="quarter" idx="16" hasCustomPrompt="1"/>
          </p:nvPr>
        </p:nvSpPr>
        <p:spPr>
          <a:xfrm>
            <a:off x="360000" y="5972400"/>
            <a:ext cx="11473200" cy="180000"/>
          </a:xfrm>
        </p:spPr>
        <p:txBody>
          <a:bodyPr anchor="b"/>
          <a:lstStyle>
            <a:lvl1pPr marL="0" indent="0">
              <a:buNone/>
              <a:defRPr sz="800" i="1"/>
            </a:lvl1pPr>
          </a:lstStyle>
          <a:p>
            <a:pPr lvl="0"/>
            <a:r>
              <a:rPr lang="en-US" dirty="0"/>
              <a:t>Insert notes</a:t>
            </a:r>
          </a:p>
        </p:txBody>
      </p:sp>
      <p:sp>
        <p:nvSpPr>
          <p:cNvPr id="7" name="Title 1">
            <a:extLst>
              <a:ext uri="{FF2B5EF4-FFF2-40B4-BE49-F238E27FC236}">
                <a16:creationId xmlns:a16="http://schemas.microsoft.com/office/drawing/2014/main" id="{87A655C7-CF4D-4744-9276-B426F65AE451}"/>
              </a:ext>
            </a:extLst>
          </p:cNvPr>
          <p:cNvSpPr>
            <a:spLocks noGrp="1"/>
          </p:cNvSpPr>
          <p:nvPr>
            <p:ph type="title" hasCustomPrompt="1"/>
          </p:nvPr>
        </p:nvSpPr>
        <p:spPr>
          <a:xfrm>
            <a:off x="356400" y="518400"/>
            <a:ext cx="7589836" cy="1009650"/>
          </a:xfrm>
        </p:spPr>
        <p:txBody>
          <a:bodyPr/>
          <a:lstStyle>
            <a:lvl1pPr>
              <a:defRPr>
                <a:solidFill>
                  <a:schemeClr val="tx1"/>
                </a:solidFill>
              </a:defRPr>
            </a:lvl1pPr>
          </a:lstStyle>
          <a:p>
            <a:r>
              <a:rPr lang="en-US" noProof="0" dirty="0"/>
              <a:t>Click to add title</a:t>
            </a:r>
          </a:p>
        </p:txBody>
      </p:sp>
      <p:sp>
        <p:nvSpPr>
          <p:cNvPr id="10" name="Text Placeholder 7">
            <a:extLst>
              <a:ext uri="{FF2B5EF4-FFF2-40B4-BE49-F238E27FC236}">
                <a16:creationId xmlns:a16="http://schemas.microsoft.com/office/drawing/2014/main" id="{D6B3DB25-56C7-A24E-8BD8-29AD5E72AC20}"/>
              </a:ext>
            </a:extLst>
          </p:cNvPr>
          <p:cNvSpPr>
            <a:spLocks noGrp="1"/>
          </p:cNvSpPr>
          <p:nvPr>
            <p:ph type="body" sz="quarter" idx="13" hasCustomPrompt="1"/>
          </p:nvPr>
        </p:nvSpPr>
        <p:spPr>
          <a:xfrm>
            <a:off x="356400" y="129600"/>
            <a:ext cx="7589837" cy="269245"/>
          </a:xfrm>
          <a:prstGeom prst="rect">
            <a:avLst/>
          </a:prstGeom>
        </p:spPr>
        <p:txBody>
          <a:bodyPr lIns="0" anchor="b" anchorCtr="0">
            <a:noAutofit/>
          </a:bodyPr>
          <a:lstStyle>
            <a:lvl1pPr marL="0" indent="0">
              <a:lnSpc>
                <a:spcPct val="85000"/>
              </a:lnSpc>
              <a:spcBef>
                <a:spcPts val="0"/>
              </a:spcBef>
              <a:spcAft>
                <a:spcPts val="0"/>
              </a:spcAft>
              <a:buNone/>
              <a:defRPr sz="1200" b="0" i="0" cap="all" spc="150" baseline="0">
                <a:solidFill>
                  <a:schemeClr val="tx1"/>
                </a:solidFill>
                <a:latin typeface="Consolas" panose="020B0609020204030204" pitchFamily="49" charset="0"/>
                <a:cs typeface="Consolas" panose="020B0609020204030204" pitchFamily="49" charset="0"/>
              </a:defRPr>
            </a:lvl1pPr>
          </a:lstStyle>
          <a:p>
            <a:pPr lvl="0"/>
            <a:r>
              <a:rPr lang="en-US" dirty="0"/>
              <a:t>Category or Subtopic Goes Here</a:t>
            </a:r>
          </a:p>
        </p:txBody>
      </p:sp>
      <p:sp>
        <p:nvSpPr>
          <p:cNvPr id="2" name="Date Placeholder 1">
            <a:extLst>
              <a:ext uri="{FF2B5EF4-FFF2-40B4-BE49-F238E27FC236}">
                <a16:creationId xmlns:a16="http://schemas.microsoft.com/office/drawing/2014/main" id="{95D04106-8929-431D-8754-FFAC8DF7F73A}"/>
              </a:ext>
            </a:extLst>
          </p:cNvPr>
          <p:cNvSpPr>
            <a:spLocks noGrp="1"/>
          </p:cNvSpPr>
          <p:nvPr>
            <p:ph type="dt" sz="half" idx="17"/>
          </p:nvPr>
        </p:nvSpPr>
        <p:spPr>
          <a:xfrm>
            <a:off x="9888538" y="6344191"/>
            <a:ext cx="1498874" cy="180000"/>
          </a:xfrm>
          <a:prstGeom prst="rect">
            <a:avLst/>
          </a:prstGeom>
        </p:spPr>
        <p:txBody>
          <a:bodyPr/>
          <a:lstStyle>
            <a:lvl1pPr algn="r">
              <a:defRPr/>
            </a:lvl1pPr>
          </a:lstStyle>
          <a:p>
            <a:fld id="{91F2A218-8EC3-4ABD-95C2-C85E74315FA4}" type="datetime1">
              <a:rPr lang="en-US"/>
              <a:pPr/>
              <a:t>2/5/2024</a:t>
            </a:fld>
            <a:endParaRPr lang="en-US" dirty="0"/>
          </a:p>
        </p:txBody>
      </p:sp>
      <p:sp>
        <p:nvSpPr>
          <p:cNvPr id="3" name="Slide Number Placeholder 2">
            <a:extLst>
              <a:ext uri="{FF2B5EF4-FFF2-40B4-BE49-F238E27FC236}">
                <a16:creationId xmlns:a16="http://schemas.microsoft.com/office/drawing/2014/main" id="{1CCB85E8-E9A6-42E6-832D-DAE6C6B71D41}"/>
              </a:ext>
            </a:extLst>
          </p:cNvPr>
          <p:cNvSpPr>
            <a:spLocks noGrp="1"/>
          </p:cNvSpPr>
          <p:nvPr>
            <p:ph type="sldNum" sz="quarter" idx="18"/>
          </p:nvPr>
        </p:nvSpPr>
        <p:spPr/>
        <p:txBody>
          <a:bodyPr/>
          <a:lstStyle/>
          <a:p>
            <a:fld id="{23AA811B-2EBD-4900-905E-5BE206449611}" type="slidenum">
              <a:rPr lang="en-US"/>
              <a:pPr/>
              <a:t>‹#›</a:t>
            </a:fld>
            <a:endParaRPr lang="en-US" dirty="0"/>
          </a:p>
        </p:txBody>
      </p:sp>
    </p:spTree>
    <p:extLst>
      <p:ext uri="{BB962C8B-B14F-4D97-AF65-F5344CB8AC3E}">
        <p14:creationId xmlns:p14="http://schemas.microsoft.com/office/powerpoint/2010/main" val="162825511"/>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userDrawn="1">
  <p:cSld name="1_A.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solidFill>
                  <a:schemeClr val="tx1"/>
                </a:solidFill>
              </a:defRPr>
            </a:lvl1pPr>
          </a:lstStyle>
          <a:p>
            <a:r>
              <a:rPr lang="en-US" noProof="0" dirty="0"/>
              <a:t>Click to add title</a:t>
            </a:r>
          </a:p>
        </p:txBody>
      </p:sp>
      <p:sp>
        <p:nvSpPr>
          <p:cNvPr id="3" name="Content Placeholder 2"/>
          <p:cNvSpPr>
            <a:spLocks noGrp="1"/>
          </p:cNvSpPr>
          <p:nvPr>
            <p:ph idx="1" hasCustomPrompt="1"/>
          </p:nvPr>
        </p:nvSpPr>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4" name="Text Placeholder 13">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972400"/>
            <a:ext cx="11473200" cy="180000"/>
          </a:xfrm>
        </p:spPr>
        <p:txBody>
          <a:bodyPr anchor="b"/>
          <a:lstStyle>
            <a:lvl1pPr marL="0" indent="0">
              <a:buNone/>
              <a:defRPr sz="1000" i="1">
                <a:solidFill>
                  <a:schemeClr val="tx1"/>
                </a:solidFill>
              </a:defRPr>
            </a:lvl1pPr>
          </a:lstStyle>
          <a:p>
            <a:pPr lvl="0"/>
            <a:r>
              <a:rPr lang="en-US" dirty="0"/>
              <a:t>Insert notes</a:t>
            </a:r>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a:p>
        </p:txBody>
      </p:sp>
      <p:sp>
        <p:nvSpPr>
          <p:cNvPr id="10" name="Date Placeholder 1">
            <a:extLst>
              <a:ext uri="{FF2B5EF4-FFF2-40B4-BE49-F238E27FC236}">
                <a16:creationId xmlns:a16="http://schemas.microsoft.com/office/drawing/2014/main" id="{7E84018F-20AB-5248-968F-8073F7C933D0}"/>
              </a:ext>
            </a:extLst>
          </p:cNvPr>
          <p:cNvSpPr>
            <a:spLocks noGrp="1"/>
          </p:cNvSpPr>
          <p:nvPr>
            <p:ph type="dt" sz="half" idx="2"/>
          </p:nvPr>
        </p:nvSpPr>
        <p:spPr>
          <a:xfrm>
            <a:off x="10627745" y="6344191"/>
            <a:ext cx="809659" cy="180000"/>
          </a:xfrm>
          <a:prstGeom prst="rect">
            <a:avLst/>
          </a:prstGeom>
        </p:spPr>
        <p:txBody>
          <a:bodyPr vert="horz" lIns="0" tIns="0" rIns="0" bIns="0" rtlCol="0" anchor="b" anchorCtr="0"/>
          <a:lstStyle>
            <a:lvl1pPr algn="l">
              <a:defRPr sz="800" cap="all" spc="80" baseline="0">
                <a:solidFill>
                  <a:schemeClr val="tx1"/>
                </a:solidFill>
                <a:latin typeface="Consolas" panose="020B0609020204030204" pitchFamily="49" charset="0"/>
              </a:defRPr>
            </a:lvl1pPr>
          </a:lstStyle>
          <a:p>
            <a:pPr algn="r"/>
            <a:fld id="{B59A4663-3706-2B45-97D0-001780BA9185}" type="datetime1">
              <a:rPr lang="en-US" smtClean="0"/>
              <a:pPr algn="r"/>
              <a:t>2/5/2024</a:t>
            </a:fld>
            <a:endParaRPr lang="en-US"/>
          </a:p>
        </p:txBody>
      </p:sp>
    </p:spTree>
    <p:extLst>
      <p:ext uri="{BB962C8B-B14F-4D97-AF65-F5344CB8AC3E}">
        <p14:creationId xmlns:p14="http://schemas.microsoft.com/office/powerpoint/2010/main" val="992524115"/>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userDrawn="1">
  <p:cSld name="Category: 2-Line Title, No Content">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55DAEEE2-E898-4F4B-8204-8B7F26F89675}"/>
              </a:ext>
            </a:extLst>
          </p:cNvPr>
          <p:cNvSpPr>
            <a:spLocks noGrp="1"/>
          </p:cNvSpPr>
          <p:nvPr>
            <p:ph type="body" sz="quarter" idx="13" hasCustomPrompt="1"/>
          </p:nvPr>
        </p:nvSpPr>
        <p:spPr>
          <a:xfrm>
            <a:off x="788615" y="405421"/>
            <a:ext cx="10643503" cy="358696"/>
          </a:xfrm>
          <a:prstGeom prst="rect">
            <a:avLst/>
          </a:prstGeom>
        </p:spPr>
        <p:txBody>
          <a:bodyPr lIns="0">
            <a:noAutofit/>
          </a:bodyPr>
          <a:lstStyle>
            <a:lvl1pPr marL="0" indent="0">
              <a:lnSpc>
                <a:spcPct val="85000"/>
              </a:lnSpc>
              <a:buNone/>
              <a:defRPr sz="1600" b="1" i="0" cap="all" spc="200" baseline="0">
                <a:solidFill>
                  <a:schemeClr val="accent2"/>
                </a:solidFill>
                <a:latin typeface="Century Gothic" panose="020B0502020202020204" pitchFamily="34" charset="0"/>
              </a:defRPr>
            </a:lvl1pPr>
          </a:lstStyle>
          <a:p>
            <a:pPr lvl="0"/>
            <a:r>
              <a:rPr lang="en-US" dirty="0"/>
              <a:t>Category or Subtopic Goes Here</a:t>
            </a:r>
          </a:p>
        </p:txBody>
      </p:sp>
      <p:sp>
        <p:nvSpPr>
          <p:cNvPr id="9" name="Title 1"/>
          <p:cNvSpPr>
            <a:spLocks noGrp="1"/>
          </p:cNvSpPr>
          <p:nvPr>
            <p:ph type="title" hasCustomPrompt="1"/>
          </p:nvPr>
        </p:nvSpPr>
        <p:spPr>
          <a:xfrm>
            <a:off x="759884" y="784104"/>
            <a:ext cx="10672233" cy="914400"/>
          </a:xfrm>
        </p:spPr>
        <p:txBody>
          <a:bodyPr anchor="t" anchorCtr="0"/>
          <a:lstStyle>
            <a:lvl1pPr>
              <a:lnSpc>
                <a:spcPct val="80000"/>
              </a:lnSpc>
              <a:defRPr baseline="0"/>
            </a:lvl1pPr>
          </a:lstStyle>
          <a:p>
            <a:r>
              <a:rPr lang="en-US" dirty="0"/>
              <a:t>Click to edit master title style, sentence </a:t>
            </a:r>
            <a:br>
              <a:rPr lang="en-US" dirty="0"/>
            </a:br>
            <a:r>
              <a:rPr lang="en-US" dirty="0"/>
              <a:t>Case, 32pt, room for a two-line title</a:t>
            </a:r>
          </a:p>
        </p:txBody>
      </p:sp>
    </p:spTree>
    <p:extLst>
      <p:ext uri="{BB962C8B-B14F-4D97-AF65-F5344CB8AC3E}">
        <p14:creationId xmlns:p14="http://schemas.microsoft.com/office/powerpoint/2010/main" val="4088887808"/>
      </p:ext>
    </p:extLst>
  </p:cSld>
  <p:clrMapOvr>
    <a:masterClrMapping/>
  </p:clrMapOvr>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userDrawn="1">
  <p:cSld name="1_A. Infographic">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7188" y="360362"/>
            <a:ext cx="6618287" cy="1068388"/>
          </a:xfrm>
        </p:spPr>
        <p:txBody>
          <a:bodyPr/>
          <a:lstStyle/>
          <a:p>
            <a:r>
              <a:rPr lang="en-US" noProof="0" dirty="0"/>
              <a:t>Click to add title</a:t>
            </a:r>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solidFill>
                  <a:srgbClr val="000000"/>
                </a:solidFill>
              </a:rPr>
              <a:pPr/>
              <a:t>‹#›</a:t>
            </a:fld>
            <a:endParaRPr lang="en-US">
              <a:solidFill>
                <a:srgbClr val="000000"/>
              </a:solidFill>
            </a:endParaRPr>
          </a:p>
        </p:txBody>
      </p:sp>
      <p:sp>
        <p:nvSpPr>
          <p:cNvPr id="9" name="Text Placeholder 13">
            <a:extLst>
              <a:ext uri="{FF2B5EF4-FFF2-40B4-BE49-F238E27FC236}">
                <a16:creationId xmlns:a16="http://schemas.microsoft.com/office/drawing/2014/main" id="{A08A0EB6-6EF6-4C48-A3C1-7BAD68A1AAF9}"/>
              </a:ext>
            </a:extLst>
          </p:cNvPr>
          <p:cNvSpPr>
            <a:spLocks noGrp="1"/>
          </p:cNvSpPr>
          <p:nvPr>
            <p:ph type="body" sz="quarter" idx="16" hasCustomPrompt="1"/>
          </p:nvPr>
        </p:nvSpPr>
        <p:spPr>
          <a:xfrm>
            <a:off x="360000" y="5972400"/>
            <a:ext cx="11473200" cy="180000"/>
          </a:xfrm>
        </p:spPr>
        <p:txBody>
          <a:bodyPr anchor="b"/>
          <a:lstStyle>
            <a:lvl1pPr marL="0" indent="0">
              <a:buNone/>
              <a:defRPr sz="800" i="1"/>
            </a:lvl1pPr>
          </a:lstStyle>
          <a:p>
            <a:pPr lvl="0"/>
            <a:r>
              <a:rPr lang="en-US" dirty="0"/>
              <a:t>Insert notes</a:t>
            </a:r>
          </a:p>
        </p:txBody>
      </p:sp>
      <p:sp>
        <p:nvSpPr>
          <p:cNvPr id="11" name="Date Placeholder 1">
            <a:extLst>
              <a:ext uri="{FF2B5EF4-FFF2-40B4-BE49-F238E27FC236}">
                <a16:creationId xmlns:a16="http://schemas.microsoft.com/office/drawing/2014/main" id="{6904D471-4E15-CD4A-A33A-753F18226973}"/>
              </a:ext>
            </a:extLst>
          </p:cNvPr>
          <p:cNvSpPr>
            <a:spLocks noGrp="1"/>
          </p:cNvSpPr>
          <p:nvPr>
            <p:ph type="dt" sz="half" idx="2"/>
          </p:nvPr>
        </p:nvSpPr>
        <p:spPr>
          <a:xfrm>
            <a:off x="10627745" y="6344191"/>
            <a:ext cx="809659" cy="180000"/>
          </a:xfrm>
          <a:prstGeom prst="rect">
            <a:avLst/>
          </a:prstGeom>
        </p:spPr>
        <p:txBody>
          <a:bodyPr vert="horz" lIns="0" tIns="0" rIns="0" bIns="0" rtlCol="0" anchor="b" anchorCtr="0"/>
          <a:lstStyle>
            <a:lvl1pPr algn="l">
              <a:defRPr sz="800" cap="all" spc="80" baseline="0">
                <a:solidFill>
                  <a:schemeClr val="tx1"/>
                </a:solidFill>
                <a:latin typeface="Consolas" panose="020B0609020204030204" pitchFamily="49" charset="0"/>
              </a:defRPr>
            </a:lvl1pPr>
          </a:lstStyle>
          <a:p>
            <a:pPr algn="r"/>
            <a:fld id="{B59A4663-3706-2B45-97D0-001780BA9185}" type="datetime1">
              <a:rPr lang="en-US" smtClean="0">
                <a:solidFill>
                  <a:srgbClr val="000000"/>
                </a:solidFill>
              </a:rPr>
              <a:pPr algn="r"/>
              <a:t>2/5/2024</a:t>
            </a:fld>
            <a:endParaRPr lang="en-US">
              <a:solidFill>
                <a:srgbClr val="000000"/>
              </a:solidFill>
            </a:endParaRPr>
          </a:p>
        </p:txBody>
      </p:sp>
      <p:pic>
        <p:nvPicPr>
          <p:cNvPr id="6" name="Graphic 3">
            <a:extLst>
              <a:ext uri="{FF2B5EF4-FFF2-40B4-BE49-F238E27FC236}">
                <a16:creationId xmlns:a16="http://schemas.microsoft.com/office/drawing/2014/main" id="{F2B075AC-9ABA-4D83-BAFD-8A7078E3CA1D}"/>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361948" y="6357033"/>
            <a:ext cx="1274201" cy="142986"/>
          </a:xfrm>
          <a:prstGeom prst="rect">
            <a:avLst/>
          </a:prstGeom>
        </p:spPr>
      </p:pic>
      <p:sp>
        <p:nvSpPr>
          <p:cNvPr id="7" name="TextBox 6">
            <a:extLst>
              <a:ext uri="{FF2B5EF4-FFF2-40B4-BE49-F238E27FC236}">
                <a16:creationId xmlns:a16="http://schemas.microsoft.com/office/drawing/2014/main" id="{9E97CD13-278D-43C1-9C90-B8DE7F9264F1}"/>
              </a:ext>
            </a:extLst>
          </p:cNvPr>
          <p:cNvSpPr txBox="1"/>
          <p:nvPr userDrawn="1"/>
        </p:nvSpPr>
        <p:spPr>
          <a:xfrm>
            <a:off x="4243388" y="6338758"/>
            <a:ext cx="3703637" cy="153888"/>
          </a:xfrm>
          <a:prstGeom prst="rect">
            <a:avLst/>
          </a:prstGeom>
          <a:noFill/>
        </p:spPr>
        <p:txBody>
          <a:bodyPr wrap="square" lIns="0" tIns="0" rIns="0" bIns="0">
            <a:spAutoFit/>
          </a:bodyPr>
          <a:lstStyle/>
          <a:p>
            <a:pPr>
              <a:lnSpc>
                <a:spcPct val="83000"/>
              </a:lnSpc>
            </a:pPr>
            <a:r>
              <a:rPr lang="en-US" sz="600" cap="all" dirty="0">
                <a:solidFill>
                  <a:srgbClr val="000000"/>
                </a:solidFill>
                <a:latin typeface="Consolas" panose="020B0609020204030204" pitchFamily="49" charset="0"/>
                <a:ea typeface="Arial" panose="020B0604020202020204" pitchFamily="34" charset="0"/>
              </a:rPr>
              <a:t>© 2022 Evernorth. </a:t>
            </a:r>
            <a:r>
              <a:rPr lang="en-US" sz="600" dirty="0">
                <a:solidFill>
                  <a:srgbClr val="000000"/>
                </a:solidFill>
                <a:latin typeface="Consolas" panose="020B0609020204030204" pitchFamily="49" charset="0"/>
                <a:cs typeface="Consolas" panose="020B0609020204030204" pitchFamily="49" charset="0"/>
              </a:rPr>
              <a:t>ALL RIGHTS RESERVED. ALL PRODUCTS AND SERVICES ARE </a:t>
            </a:r>
            <a:br>
              <a:rPr lang="en-US" sz="600" dirty="0">
                <a:solidFill>
                  <a:srgbClr val="000000"/>
                </a:solidFill>
                <a:latin typeface="Consolas" panose="020B0609020204030204" pitchFamily="49" charset="0"/>
                <a:cs typeface="Consolas" panose="020B0609020204030204" pitchFamily="49" charset="0"/>
              </a:rPr>
            </a:br>
            <a:r>
              <a:rPr lang="en-US" sz="600" dirty="0">
                <a:solidFill>
                  <a:srgbClr val="000000"/>
                </a:solidFill>
                <a:latin typeface="Consolas" panose="020B0609020204030204" pitchFamily="49" charset="0"/>
                <a:cs typeface="Consolas" panose="020B0609020204030204" pitchFamily="49" charset="0"/>
              </a:rPr>
              <a:t>PROVIDED BY OR THROUGH OPERATING SUBSIDIARIES OR AFFILIATES OF EVERNORTH.</a:t>
            </a:r>
            <a:endParaRPr lang="en-US" sz="600" cap="all" dirty="0">
              <a:solidFill>
                <a:srgbClr val="000000"/>
              </a:solidFill>
              <a:latin typeface="Consolas" panose="020B0609020204030204" pitchFamily="49" charset="0"/>
              <a:ea typeface="Arial" panose="020B0604020202020204" pitchFamily="34" charset="0"/>
              <a:cs typeface="Consolas" panose="020B0609020204030204" pitchFamily="49" charset="0"/>
            </a:endParaRPr>
          </a:p>
        </p:txBody>
      </p:sp>
    </p:spTree>
    <p:extLst>
      <p:ext uri="{BB962C8B-B14F-4D97-AF65-F5344CB8AC3E}">
        <p14:creationId xmlns:p14="http://schemas.microsoft.com/office/powerpoint/2010/main" val="3220372797"/>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userDrawn="1">
  <p:cSld name="1_C. Cover">
    <p:bg bwMode="ltGray">
      <p:bgRef idx="1001">
        <a:schemeClr val="bg1"/>
      </p:bgRef>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60001" y="1842597"/>
            <a:ext cx="8556987" cy="1820863"/>
          </a:xfrm>
          <a:noFill/>
        </p:spPr>
        <p:txBody>
          <a:bodyPr anchor="b" anchorCtr="0"/>
          <a:lstStyle>
            <a:lvl1pPr algn="l">
              <a:lnSpc>
                <a:spcPct val="95000"/>
              </a:lnSpc>
              <a:defRPr sz="6000">
                <a:solidFill>
                  <a:schemeClr val="tx1"/>
                </a:solidFill>
              </a:defRPr>
            </a:lvl1pPr>
          </a:lstStyle>
          <a:p>
            <a:r>
              <a:rPr lang="en-US" dirty="0"/>
              <a:t>Click to add title</a:t>
            </a:r>
          </a:p>
        </p:txBody>
      </p:sp>
      <p:sp>
        <p:nvSpPr>
          <p:cNvPr id="4" name="text" descr="{&quot;templafy&quot;:{&quot;binding&quot;:&quot;Form.PConfidentiality.Confidentiality&quot;,&quot;type&quot;:&quot;text&quot;}}" title="Form.PConfidentiality.Confidentiality">
            <a:extLst>
              <a:ext uri="{FF2B5EF4-FFF2-40B4-BE49-F238E27FC236}">
                <a16:creationId xmlns:a16="http://schemas.microsoft.com/office/drawing/2014/main" id="{CDB5A70A-3D86-42F8-8CC6-A2F8C5C106F2}"/>
              </a:ext>
            </a:extLst>
          </p:cNvPr>
          <p:cNvSpPr/>
          <p:nvPr userDrawn="1"/>
        </p:nvSpPr>
        <p:spPr>
          <a:xfrm>
            <a:off x="4235450" y="6318000"/>
            <a:ext cx="37211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ctr"/>
            <a:endParaRPr lang="en-US" sz="800" cap="all" spc="80" baseline="0" noProof="0">
              <a:solidFill>
                <a:schemeClr val="tx1"/>
              </a:solidFill>
              <a:latin typeface="Consolas" panose="020B0609020204030204" pitchFamily="49" charset="0"/>
            </a:endParaRPr>
          </a:p>
        </p:txBody>
      </p:sp>
      <p:sp>
        <p:nvSpPr>
          <p:cNvPr id="10" name="Text Placeholder 4">
            <a:extLst>
              <a:ext uri="{FF2B5EF4-FFF2-40B4-BE49-F238E27FC236}">
                <a16:creationId xmlns:a16="http://schemas.microsoft.com/office/drawing/2014/main" id="{F9D95A4B-FCFC-48EF-98F8-6CE38573EB91}"/>
              </a:ext>
            </a:extLst>
          </p:cNvPr>
          <p:cNvSpPr>
            <a:spLocks noGrp="1"/>
          </p:cNvSpPr>
          <p:nvPr>
            <p:ph type="body" sz="quarter" idx="13" hasCustomPrompt="1"/>
          </p:nvPr>
        </p:nvSpPr>
        <p:spPr>
          <a:xfrm>
            <a:off x="357188" y="3767371"/>
            <a:ext cx="8556987" cy="1765921"/>
          </a:xfrm>
        </p:spPr>
        <p:txBody>
          <a:bodyPr/>
          <a:lstStyle>
            <a:lvl1pPr marL="0" indent="0">
              <a:buNone/>
              <a:defRPr sz="2400">
                <a:solidFill>
                  <a:schemeClr val="tx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p>
        </p:txBody>
      </p:sp>
      <p:pic>
        <p:nvPicPr>
          <p:cNvPr id="12" name="Graphic 11">
            <a:extLst>
              <a:ext uri="{FF2B5EF4-FFF2-40B4-BE49-F238E27FC236}">
                <a16:creationId xmlns:a16="http://schemas.microsoft.com/office/drawing/2014/main" id="{274356DE-44CC-4A57-B1CC-48C0CC55B33D}"/>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3" name="Slide Number Placeholder 12">
            <a:extLst>
              <a:ext uri="{FF2B5EF4-FFF2-40B4-BE49-F238E27FC236}">
                <a16:creationId xmlns:a16="http://schemas.microsoft.com/office/drawing/2014/main" id="{9EA9BC73-6944-4885-9960-E66A391BEDC2}"/>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a:p>
        </p:txBody>
      </p:sp>
      <p:sp>
        <p:nvSpPr>
          <p:cNvPr id="11" name="Date Placeholder 1">
            <a:extLst>
              <a:ext uri="{FF2B5EF4-FFF2-40B4-BE49-F238E27FC236}">
                <a16:creationId xmlns:a16="http://schemas.microsoft.com/office/drawing/2014/main" id="{AE7CA25B-CB13-0B47-8B39-BBBEFB7A6958}"/>
              </a:ext>
            </a:extLst>
          </p:cNvPr>
          <p:cNvSpPr>
            <a:spLocks noGrp="1"/>
          </p:cNvSpPr>
          <p:nvPr>
            <p:ph type="dt" sz="half" idx="2"/>
          </p:nvPr>
        </p:nvSpPr>
        <p:spPr>
          <a:xfrm>
            <a:off x="10627745" y="6344191"/>
            <a:ext cx="809659" cy="180000"/>
          </a:xfrm>
          <a:prstGeom prst="rect">
            <a:avLst/>
          </a:prstGeom>
        </p:spPr>
        <p:txBody>
          <a:bodyPr vert="horz" lIns="0" tIns="0" rIns="0" bIns="0" rtlCol="0" anchor="b" anchorCtr="0"/>
          <a:lstStyle>
            <a:lvl1pPr algn="l">
              <a:defRPr sz="800" cap="all" spc="80" baseline="0">
                <a:solidFill>
                  <a:schemeClr val="tx1"/>
                </a:solidFill>
                <a:latin typeface="Consolas" panose="020B0609020204030204" pitchFamily="49" charset="0"/>
              </a:defRPr>
            </a:lvl1pPr>
          </a:lstStyle>
          <a:p>
            <a:pPr algn="r"/>
            <a:fld id="{B59A4663-3706-2B45-97D0-001780BA9185}" type="datetime1">
              <a:rPr lang="en-US" smtClean="0"/>
              <a:pPr algn="r"/>
              <a:t>2/5/2024</a:t>
            </a:fld>
            <a:endParaRPr lang="en-US"/>
          </a:p>
        </p:txBody>
      </p:sp>
    </p:spTree>
    <p:extLst>
      <p:ext uri="{BB962C8B-B14F-4D97-AF65-F5344CB8AC3E}">
        <p14:creationId xmlns:p14="http://schemas.microsoft.com/office/powerpoint/2010/main" val="1173424697"/>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userDrawn="1">
  <p:cSld name="Program">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3599B9A-265E-48B1-A624-8755E27FCB18}"/>
              </a:ext>
            </a:extLst>
          </p:cNvPr>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solidFill>
                <a:schemeClr val="tx1"/>
              </a:solidFill>
            </a:endParaRPr>
          </a:p>
        </p:txBody>
      </p:sp>
      <p:sp>
        <p:nvSpPr>
          <p:cNvPr id="7" name="Text Placeholder 2"/>
          <p:cNvSpPr>
            <a:spLocks noGrp="1"/>
          </p:cNvSpPr>
          <p:nvPr>
            <p:ph type="body" sz="quarter" idx="13" hasCustomPrompt="1"/>
          </p:nvPr>
        </p:nvSpPr>
        <p:spPr>
          <a:xfrm>
            <a:off x="357188" y="360000"/>
            <a:ext cx="11472411" cy="6138000"/>
          </a:xfrm>
        </p:spPr>
        <p:txBody>
          <a:bodyPr tIns="468000" anchor="ctr" anchorCtr="0"/>
          <a:lstStyle>
            <a:lvl1pPr marL="0" indent="0">
              <a:lnSpc>
                <a:spcPct val="100000"/>
              </a:lnSpc>
              <a:spcAft>
                <a:spcPts val="600"/>
              </a:spcAft>
              <a:buFont typeface="Arial" panose="020B0604020202020204" pitchFamily="34" charset="0"/>
              <a:buChar char="​"/>
              <a:defRPr sz="2800">
                <a:solidFill>
                  <a:schemeClr val="tx1"/>
                </a:solidFill>
              </a:defRPr>
            </a:lvl1pPr>
            <a:lvl2pPr marL="0" indent="0">
              <a:lnSpc>
                <a:spcPct val="100000"/>
              </a:lnSpc>
              <a:spcBef>
                <a:spcPts val="0"/>
              </a:spcBef>
              <a:spcAft>
                <a:spcPts val="600"/>
              </a:spcAft>
              <a:buFont typeface="Arial" panose="020B0604020202020204" pitchFamily="34" charset="0"/>
              <a:buChar char="​"/>
              <a:defRPr sz="2800" b="1">
                <a:solidFill>
                  <a:schemeClr val="tx1"/>
                </a:solidFill>
              </a:defRPr>
            </a:lvl2pPr>
            <a:lvl3pPr marL="0" indent="0">
              <a:lnSpc>
                <a:spcPct val="100000"/>
              </a:lnSpc>
              <a:spcBef>
                <a:spcPts val="0"/>
              </a:spcBef>
              <a:spcAft>
                <a:spcPts val="600"/>
              </a:spcAft>
              <a:buFont typeface="Arial" panose="020B0604020202020204" pitchFamily="34" charset="0"/>
              <a:buChar char="​"/>
              <a:defRPr sz="2800">
                <a:solidFill>
                  <a:schemeClr val="tx1"/>
                </a:solidFill>
              </a:defRPr>
            </a:lvl3pPr>
            <a:lvl4pPr marL="0" indent="0">
              <a:lnSpc>
                <a:spcPct val="100000"/>
              </a:lnSpc>
              <a:spcBef>
                <a:spcPts val="0"/>
              </a:spcBef>
              <a:spcAft>
                <a:spcPts val="600"/>
              </a:spcAft>
              <a:buFont typeface="Arial" panose="020B0604020202020204" pitchFamily="34" charset="0"/>
              <a:buChar char="​"/>
              <a:defRPr sz="2800">
                <a:solidFill>
                  <a:schemeClr val="tx1"/>
                </a:solidFill>
              </a:defRPr>
            </a:lvl4pPr>
            <a:lvl5pPr marL="0" indent="0">
              <a:lnSpc>
                <a:spcPct val="100000"/>
              </a:lnSpc>
              <a:spcBef>
                <a:spcPts val="0"/>
              </a:spcBef>
              <a:spcAft>
                <a:spcPts val="600"/>
              </a:spcAft>
              <a:buFont typeface="Arial" panose="020B0604020202020204" pitchFamily="34" charset="0"/>
              <a:buChar char="​"/>
              <a:defRPr sz="2800">
                <a:solidFill>
                  <a:schemeClr val="tx1"/>
                </a:solidFill>
              </a:defRPr>
            </a:lvl5pPr>
            <a:lvl6pPr marL="0" indent="0">
              <a:lnSpc>
                <a:spcPct val="100000"/>
              </a:lnSpc>
              <a:spcBef>
                <a:spcPts val="0"/>
              </a:spcBef>
              <a:spcAft>
                <a:spcPts val="600"/>
              </a:spcAft>
              <a:buFont typeface="Arial" panose="020B0604020202020204" pitchFamily="34" charset="0"/>
              <a:buChar char="​"/>
              <a:defRPr sz="2800">
                <a:solidFill>
                  <a:schemeClr val="tx1"/>
                </a:solidFill>
              </a:defRPr>
            </a:lvl6pPr>
            <a:lvl7pPr marL="0" indent="0">
              <a:lnSpc>
                <a:spcPct val="100000"/>
              </a:lnSpc>
              <a:spcBef>
                <a:spcPts val="0"/>
              </a:spcBef>
              <a:spcAft>
                <a:spcPts val="600"/>
              </a:spcAft>
              <a:buFont typeface="Arial" panose="020B0604020202020204" pitchFamily="34" charset="0"/>
              <a:buChar char="​"/>
              <a:defRPr sz="2800">
                <a:solidFill>
                  <a:schemeClr val="tx1"/>
                </a:solidFill>
              </a:defRPr>
            </a:lvl7pPr>
            <a:lvl8pPr marL="0" indent="0">
              <a:lnSpc>
                <a:spcPct val="100000"/>
              </a:lnSpc>
              <a:spcBef>
                <a:spcPts val="0"/>
              </a:spcBef>
              <a:spcAft>
                <a:spcPts val="600"/>
              </a:spcAft>
              <a:buFont typeface="Arial" panose="020B0604020202020204" pitchFamily="34" charset="0"/>
              <a:buChar char="​"/>
              <a:defRPr sz="2800">
                <a:solidFill>
                  <a:schemeClr val="tx1"/>
                </a:solidFill>
              </a:defRPr>
            </a:lvl8pPr>
            <a:lvl9pPr marL="0" indent="0">
              <a:lnSpc>
                <a:spcPct val="100000"/>
              </a:lnSpc>
              <a:spcBef>
                <a:spcPts val="0"/>
              </a:spcBef>
              <a:spcAft>
                <a:spcPts val="600"/>
              </a:spcAft>
              <a:buFont typeface="Arial" panose="020B0604020202020204" pitchFamily="34" charset="0"/>
              <a:buChar char="​"/>
              <a:defRPr sz="2800">
                <a:solidFill>
                  <a:schemeClr val="tx1"/>
                </a:solidFill>
              </a:defRPr>
            </a:lvl9pPr>
          </a:lstStyle>
          <a:p>
            <a:pPr lvl="0"/>
            <a:r>
              <a:rPr lang="en-US" noProof="0" dirty="0"/>
              <a:t>Click to add agenda</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9" name="Slide Number Placeholder 8">
            <a:extLst>
              <a:ext uri="{FF2B5EF4-FFF2-40B4-BE49-F238E27FC236}">
                <a16:creationId xmlns:a16="http://schemas.microsoft.com/office/drawing/2014/main" id="{40F28250-A1CE-45F5-A4EC-6F080DBDAF54}"/>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a:p>
        </p:txBody>
      </p:sp>
      <p:sp>
        <p:nvSpPr>
          <p:cNvPr id="5" name="text" descr="{&quot;templafy&quot;:{&quot;binding&quot;:&quot;Form.PConfidentiality.Confidentiality&quot;,&quot;type&quot;:&quot;text&quot;}}" title="Form.PConfidentiality.Confidentiality">
            <a:extLst>
              <a:ext uri="{FF2B5EF4-FFF2-40B4-BE49-F238E27FC236}">
                <a16:creationId xmlns:a16="http://schemas.microsoft.com/office/drawing/2014/main" id="{713C0992-C381-47DA-8952-FF89E04F997D}"/>
              </a:ext>
            </a:extLst>
          </p:cNvPr>
          <p:cNvSpPr/>
          <p:nvPr userDrawn="1"/>
        </p:nvSpPr>
        <p:spPr>
          <a:xfrm>
            <a:off x="4235450" y="6318000"/>
            <a:ext cx="37211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ctr"/>
            <a:endParaRPr lang="en-US" sz="800" cap="all" spc="80" baseline="0" noProof="0">
              <a:solidFill>
                <a:schemeClr val="tx2"/>
              </a:solidFill>
              <a:latin typeface="Consolas" panose="020B0609020204030204" pitchFamily="49" charset="0"/>
            </a:endParaRPr>
          </a:p>
        </p:txBody>
      </p:sp>
      <p:pic>
        <p:nvPicPr>
          <p:cNvPr id="2" name="Graphic 1">
            <a:extLst>
              <a:ext uri="{FF2B5EF4-FFF2-40B4-BE49-F238E27FC236}">
                <a16:creationId xmlns:a16="http://schemas.microsoft.com/office/drawing/2014/main" id="{5F56ED9E-B5BB-4283-826A-1BC5F7DDFA92}"/>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361948" y="6357033"/>
            <a:ext cx="1274201" cy="142986"/>
          </a:xfrm>
          <a:prstGeom prst="rect">
            <a:avLst/>
          </a:prstGeom>
        </p:spPr>
      </p:pic>
      <p:sp>
        <p:nvSpPr>
          <p:cNvPr id="10" name="TextBox 9">
            <a:extLst>
              <a:ext uri="{FF2B5EF4-FFF2-40B4-BE49-F238E27FC236}">
                <a16:creationId xmlns:a16="http://schemas.microsoft.com/office/drawing/2014/main" id="{1B53BFFB-E5A5-AF4D-84A0-7E30E4B3AAAE}"/>
              </a:ext>
            </a:extLst>
          </p:cNvPr>
          <p:cNvSpPr txBox="1"/>
          <p:nvPr userDrawn="1"/>
        </p:nvSpPr>
        <p:spPr>
          <a:xfrm>
            <a:off x="4243388" y="6359306"/>
            <a:ext cx="3703637" cy="153888"/>
          </a:xfrm>
          <a:prstGeom prst="rect">
            <a:avLst/>
          </a:prstGeom>
          <a:noFill/>
        </p:spPr>
        <p:txBody>
          <a:bodyPr wrap="square" lIns="0" tIns="0" rIns="0" bIns="0">
            <a:spAutoFit/>
          </a:bodyPr>
          <a:lstStyle/>
          <a:p>
            <a:pPr algn="l">
              <a:lnSpc>
                <a:spcPct val="83000"/>
              </a:lnSpc>
            </a:pPr>
            <a:r>
              <a:rPr lang="en-US" sz="600" b="0" cap="all" baseline="0" dirty="0">
                <a:solidFill>
                  <a:schemeClr val="tx1"/>
                </a:solidFill>
                <a:effectLst/>
                <a:latin typeface="Consolas" panose="020B0609020204030204" pitchFamily="49" charset="0"/>
                <a:ea typeface="Arial" panose="020B0604020202020204" pitchFamily="34" charset="0"/>
              </a:rPr>
              <a:t>© 2022 Evernorth. </a:t>
            </a:r>
            <a:r>
              <a:rPr lang="en-US" sz="600" kern="1200" baseline="0" dirty="0">
                <a:solidFill>
                  <a:schemeClr val="tx1"/>
                </a:solidFill>
                <a:latin typeface="Consolas" panose="020B0609020204030204" pitchFamily="49" charset="0"/>
                <a:cs typeface="Consolas" panose="020B0609020204030204" pitchFamily="49" charset="0"/>
              </a:rPr>
              <a:t>ALL RIGHTS RESERVED. ALL PRODUCTS AND SERVICES ARE </a:t>
            </a:r>
            <a:br>
              <a:rPr lang="en-US" sz="600" kern="1200" baseline="0" dirty="0">
                <a:solidFill>
                  <a:schemeClr val="tx1"/>
                </a:solidFill>
                <a:latin typeface="Consolas" panose="020B0609020204030204" pitchFamily="49" charset="0"/>
                <a:cs typeface="Consolas" panose="020B0609020204030204" pitchFamily="49" charset="0"/>
              </a:rPr>
            </a:br>
            <a:r>
              <a:rPr lang="en-US" sz="600" kern="1200" baseline="0" dirty="0">
                <a:solidFill>
                  <a:schemeClr val="tx1"/>
                </a:solidFill>
                <a:latin typeface="Consolas" panose="020B0609020204030204" pitchFamily="49" charset="0"/>
                <a:cs typeface="Consolas" panose="020B0609020204030204" pitchFamily="49" charset="0"/>
              </a:rPr>
              <a:t>PROVIDED BY OR THROUGH OPERATING SUBSIDIARIES OR AFFILIATES OF EVERNORTH.</a:t>
            </a:r>
            <a:endParaRPr lang="en-US" sz="600" b="0" cap="all" baseline="0" dirty="0">
              <a:solidFill>
                <a:schemeClr val="tx1"/>
              </a:solidFill>
              <a:effectLst/>
              <a:latin typeface="Consolas" panose="020B0609020204030204" pitchFamily="49" charset="0"/>
              <a:ea typeface="Arial" panose="020B0604020202020204" pitchFamily="34" charset="0"/>
              <a:cs typeface="Consolas" panose="020B0609020204030204" pitchFamily="49" charset="0"/>
            </a:endParaRPr>
          </a:p>
        </p:txBody>
      </p:sp>
      <p:sp>
        <p:nvSpPr>
          <p:cNvPr id="12" name="Date Placeholder 1">
            <a:extLst>
              <a:ext uri="{FF2B5EF4-FFF2-40B4-BE49-F238E27FC236}">
                <a16:creationId xmlns:a16="http://schemas.microsoft.com/office/drawing/2014/main" id="{70858004-4885-5744-AE6E-DBDDC55BD3E7}"/>
              </a:ext>
            </a:extLst>
          </p:cNvPr>
          <p:cNvSpPr>
            <a:spLocks noGrp="1"/>
          </p:cNvSpPr>
          <p:nvPr>
            <p:ph type="dt" sz="half" idx="2"/>
          </p:nvPr>
        </p:nvSpPr>
        <p:spPr>
          <a:xfrm>
            <a:off x="10627745" y="6344191"/>
            <a:ext cx="809659" cy="180000"/>
          </a:xfrm>
          <a:prstGeom prst="rect">
            <a:avLst/>
          </a:prstGeom>
        </p:spPr>
        <p:txBody>
          <a:bodyPr vert="horz" lIns="0" tIns="0" rIns="0" bIns="0" rtlCol="0" anchor="b" anchorCtr="0"/>
          <a:lstStyle>
            <a:lvl1pPr algn="l">
              <a:defRPr sz="800" cap="all" spc="80" baseline="0">
                <a:solidFill>
                  <a:schemeClr val="tx1"/>
                </a:solidFill>
                <a:latin typeface="Consolas" panose="020B0609020204030204" pitchFamily="49" charset="0"/>
              </a:defRPr>
            </a:lvl1pPr>
          </a:lstStyle>
          <a:p>
            <a:pPr algn="r"/>
            <a:fld id="{B59A4663-3706-2B45-97D0-001780BA9185}" type="datetime1">
              <a:rPr lang="en-US" smtClean="0"/>
              <a:pPr algn="r"/>
              <a:t>2/5/2024</a:t>
            </a:fld>
            <a:endParaRPr lang="en-US"/>
          </a:p>
        </p:txBody>
      </p:sp>
    </p:spTree>
    <p:extLst>
      <p:ext uri="{BB962C8B-B14F-4D97-AF65-F5344CB8AC3E}">
        <p14:creationId xmlns:p14="http://schemas.microsoft.com/office/powerpoint/2010/main" val="1574384542"/>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812F8B-4052-BE2A-297A-4DECBFAB7FCE}"/>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a:extLst>
              <a:ext uri="{FF2B5EF4-FFF2-40B4-BE49-F238E27FC236}">
                <a16:creationId xmlns:a16="http://schemas.microsoft.com/office/drawing/2014/main" id="{F6376AA4-F035-D712-6A39-6CC83CF735EA}"/>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D34A1C83-3106-4C98-FDCF-D3F9FD36CCE6}"/>
              </a:ext>
            </a:extLst>
          </p:cNvPr>
          <p:cNvSpPr>
            <a:spLocks noGrp="1"/>
          </p:cNvSpPr>
          <p:nvPr>
            <p:ph type="dt" sz="half" idx="10"/>
          </p:nvPr>
        </p:nvSpPr>
        <p:spPr/>
        <p:txBody>
          <a:bodyPr/>
          <a:lstStyle/>
          <a:p>
            <a:fld id="{9F800D55-9BE5-D045-B523-EEFF05AA276F}" type="datetimeFigureOut">
              <a:rPr lang="en-US" smtClean="0"/>
              <a:t>2/5/2024</a:t>
            </a:fld>
            <a:endParaRPr lang="en-US"/>
          </a:p>
        </p:txBody>
      </p:sp>
      <p:sp>
        <p:nvSpPr>
          <p:cNvPr id="5" name="Footer Placeholder 4">
            <a:extLst>
              <a:ext uri="{FF2B5EF4-FFF2-40B4-BE49-F238E27FC236}">
                <a16:creationId xmlns:a16="http://schemas.microsoft.com/office/drawing/2014/main" id="{3031A705-5A54-D8CE-EB46-026D93C9F22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835D1CA8-437F-2F7B-28F1-C0C8785DA17A}"/>
              </a:ext>
            </a:extLst>
          </p:cNvPr>
          <p:cNvSpPr>
            <a:spLocks noGrp="1"/>
          </p:cNvSpPr>
          <p:nvPr>
            <p:ph type="sldNum" sz="quarter" idx="12"/>
          </p:nvPr>
        </p:nvSpPr>
        <p:spPr/>
        <p:txBody>
          <a:bodyPr/>
          <a:lstStyle/>
          <a:p>
            <a:fld id="{A113A9DE-9AA8-E546-AE9B-3DCDD4243A1D}" type="slidenum">
              <a:rPr lang="en-US" smtClean="0"/>
              <a:t>‹#›</a:t>
            </a:fld>
            <a:endParaRPr lang="en-US"/>
          </a:p>
        </p:txBody>
      </p:sp>
    </p:spTree>
    <p:extLst>
      <p:ext uri="{BB962C8B-B14F-4D97-AF65-F5344CB8AC3E}">
        <p14:creationId xmlns:p14="http://schemas.microsoft.com/office/powerpoint/2010/main" val="3424260779"/>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1DC5BEE-EEDE-133C-65AD-4EB90B15194E}"/>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1E3002B2-CCB0-D853-334B-58E903CEC06A}"/>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D7926732-C89B-6E8D-63D8-F1C6084D45E0}"/>
              </a:ext>
            </a:extLst>
          </p:cNvPr>
          <p:cNvSpPr>
            <a:spLocks noGrp="1"/>
          </p:cNvSpPr>
          <p:nvPr>
            <p:ph type="dt" sz="half" idx="10"/>
          </p:nvPr>
        </p:nvSpPr>
        <p:spPr/>
        <p:txBody>
          <a:bodyPr/>
          <a:lstStyle/>
          <a:p>
            <a:fld id="{9F800D55-9BE5-D045-B523-EEFF05AA276F}" type="datetimeFigureOut">
              <a:rPr lang="en-US" smtClean="0"/>
              <a:t>2/5/2024</a:t>
            </a:fld>
            <a:endParaRPr lang="en-US"/>
          </a:p>
        </p:txBody>
      </p:sp>
      <p:sp>
        <p:nvSpPr>
          <p:cNvPr id="5" name="Footer Placeholder 4">
            <a:extLst>
              <a:ext uri="{FF2B5EF4-FFF2-40B4-BE49-F238E27FC236}">
                <a16:creationId xmlns:a16="http://schemas.microsoft.com/office/drawing/2014/main" id="{A534241C-0F5B-A9A6-AB37-530172C5B4C3}"/>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0F4EE061-58F6-AE1D-2C16-FFEA9533C34C}"/>
              </a:ext>
            </a:extLst>
          </p:cNvPr>
          <p:cNvSpPr>
            <a:spLocks noGrp="1"/>
          </p:cNvSpPr>
          <p:nvPr>
            <p:ph type="sldNum" sz="quarter" idx="12"/>
          </p:nvPr>
        </p:nvSpPr>
        <p:spPr/>
        <p:txBody>
          <a:bodyPr/>
          <a:lstStyle/>
          <a:p>
            <a:fld id="{A113A9DE-9AA8-E546-AE9B-3DCDD4243A1D}" type="slidenum">
              <a:rPr lang="en-US" smtClean="0"/>
              <a:t>‹#›</a:t>
            </a:fld>
            <a:endParaRPr lang="en-US"/>
          </a:p>
        </p:txBody>
      </p:sp>
    </p:spTree>
    <p:extLst>
      <p:ext uri="{BB962C8B-B14F-4D97-AF65-F5344CB8AC3E}">
        <p14:creationId xmlns:p14="http://schemas.microsoft.com/office/powerpoint/2010/main" val="2647419771"/>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userDrawn="1">
  <p:cSld name="Category: 1-Line Title and Content">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788615" y="405421"/>
            <a:ext cx="10643503" cy="358696"/>
          </a:xfrm>
          <a:prstGeom prst="rect">
            <a:avLst/>
          </a:prstGeom>
        </p:spPr>
        <p:txBody>
          <a:bodyPr lIns="0">
            <a:noAutofit/>
          </a:bodyPr>
          <a:lstStyle>
            <a:lvl1pPr marL="0" indent="0">
              <a:lnSpc>
                <a:spcPct val="85000"/>
              </a:lnSpc>
              <a:buNone/>
              <a:defRPr sz="1600" b="1" i="0" cap="all" spc="200" baseline="0">
                <a:solidFill>
                  <a:schemeClr val="accent2"/>
                </a:solidFill>
                <a:latin typeface="Century Gothic" panose="020B0502020202020204" pitchFamily="34" charset="0"/>
              </a:defRPr>
            </a:lvl1pPr>
          </a:lstStyle>
          <a:p>
            <a:pPr lvl="0"/>
            <a:r>
              <a:rPr lang="en-US" dirty="0"/>
              <a:t>Category or Subtopic Goes Here</a:t>
            </a:r>
          </a:p>
        </p:txBody>
      </p:sp>
      <p:sp>
        <p:nvSpPr>
          <p:cNvPr id="5" name="Title 1">
            <a:extLst>
              <a:ext uri="{FF2B5EF4-FFF2-40B4-BE49-F238E27FC236}">
                <a16:creationId xmlns:a16="http://schemas.microsoft.com/office/drawing/2014/main" id="{149C95C2-D17D-9C47-A165-F462F0E9CA94}"/>
              </a:ext>
            </a:extLst>
          </p:cNvPr>
          <p:cNvSpPr>
            <a:spLocks noGrp="1"/>
          </p:cNvSpPr>
          <p:nvPr>
            <p:ph type="title" hasCustomPrompt="1"/>
          </p:nvPr>
        </p:nvSpPr>
        <p:spPr>
          <a:xfrm>
            <a:off x="760536" y="764117"/>
            <a:ext cx="10671581" cy="457200"/>
          </a:xfrm>
        </p:spPr>
        <p:txBody>
          <a:bodyPr wrap="square"/>
          <a:lstStyle/>
          <a:p>
            <a:r>
              <a:rPr lang="en-US" dirty="0"/>
              <a:t>Click to edit master title, sentence case, 32pt</a:t>
            </a:r>
          </a:p>
        </p:txBody>
      </p:sp>
      <p:sp>
        <p:nvSpPr>
          <p:cNvPr id="6" name="Content Placeholder 2">
            <a:extLst>
              <a:ext uri="{FF2B5EF4-FFF2-40B4-BE49-F238E27FC236}">
                <a16:creationId xmlns:a16="http://schemas.microsoft.com/office/drawing/2014/main" id="{E49D6D94-2A49-9D4F-AED8-9A8856B9423D}"/>
              </a:ext>
            </a:extLst>
          </p:cNvPr>
          <p:cNvSpPr>
            <a:spLocks noGrp="1"/>
          </p:cNvSpPr>
          <p:nvPr>
            <p:ph idx="1" hasCustomPrompt="1"/>
          </p:nvPr>
        </p:nvSpPr>
        <p:spPr>
          <a:xfrm>
            <a:off x="759885" y="1628404"/>
            <a:ext cx="7315527" cy="4473947"/>
          </a:xfrm>
          <a:prstGeom prst="rect">
            <a:avLst/>
          </a:prstGeom>
        </p:spPr>
        <p:txBody>
          <a:bodyPr/>
          <a:lstStyle>
            <a:lvl1pPr marL="238734" indent="-238734" algn="l" defTabSz="1219018" rtl="0" eaLnBrk="1" latinLnBrk="0" hangingPunct="1">
              <a:lnSpc>
                <a:spcPct val="95000"/>
              </a:lnSpc>
              <a:spcBef>
                <a:spcPts val="933"/>
              </a:spcBef>
              <a:spcAft>
                <a:spcPts val="400"/>
              </a:spcAft>
              <a:buClr>
                <a:schemeClr val="accent3"/>
              </a:buClr>
              <a:buFont typeface="Arial" pitchFamily="34" charset="0"/>
              <a:buChar char="•"/>
              <a:defRPr lang="en-US" sz="2667" kern="1200" dirty="0" smtClean="0">
                <a:solidFill>
                  <a:schemeClr val="tx1"/>
                </a:solidFill>
                <a:latin typeface="+mn-lt"/>
                <a:ea typeface="+mn-ea"/>
                <a:cs typeface="+mn-cs"/>
              </a:defRPr>
            </a:lvl1pPr>
            <a:lvl2pPr marL="693621" indent="-235509">
              <a:lnSpc>
                <a:spcPct val="95000"/>
              </a:lnSpc>
              <a:spcBef>
                <a:spcPts val="267"/>
              </a:spcBef>
              <a:spcAft>
                <a:spcPts val="667"/>
              </a:spcAft>
              <a:buClr>
                <a:schemeClr val="tx2"/>
              </a:buClr>
              <a:defRPr lang="en-US" sz="2400" kern="1200" dirty="0" smtClean="0">
                <a:solidFill>
                  <a:schemeClr val="tx1"/>
                </a:solidFill>
                <a:latin typeface="+mn-lt"/>
                <a:ea typeface="+mn-ea"/>
                <a:cs typeface="+mn-cs"/>
              </a:defRPr>
            </a:lvl2pPr>
          </a:lstStyle>
          <a:p>
            <a:pPr lvl="0"/>
            <a:r>
              <a:rPr lang="en-US" dirty="0"/>
              <a:t>Click to edit master text styles, sentence case, 20pt</a:t>
            </a:r>
          </a:p>
          <a:p>
            <a:pPr lvl="1"/>
            <a:r>
              <a:rPr lang="en-US" dirty="0"/>
              <a:t>Second level, sentence case, 18pt</a:t>
            </a:r>
          </a:p>
        </p:txBody>
      </p:sp>
    </p:spTree>
    <p:extLst>
      <p:ext uri="{BB962C8B-B14F-4D97-AF65-F5344CB8AC3E}">
        <p14:creationId xmlns:p14="http://schemas.microsoft.com/office/powerpoint/2010/main" val="2634413159"/>
      </p:ext>
    </p:extLst>
  </p:cSld>
  <p:clrMapOvr>
    <a:masterClrMapping/>
  </p:clrMapOvr>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userDrawn="1">
  <p:cSld name="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143DDFEA-7FDA-2AAD-1A0F-C08F96949B41}"/>
              </a:ext>
            </a:extLst>
          </p:cNvPr>
          <p:cNvSpPr>
            <a:spLocks noGrp="1"/>
          </p:cNvSpPr>
          <p:nvPr>
            <p:ph type="pic" sz="quarter" idx="16"/>
          </p:nvPr>
        </p:nvSpPr>
        <p:spPr>
          <a:xfrm>
            <a:off x="6916296" y="0"/>
            <a:ext cx="5275704" cy="6858000"/>
          </a:xfrm>
          <a:custGeom>
            <a:avLst/>
            <a:gdLst>
              <a:gd name="connsiteX0" fmla="*/ 1006859 w 5275704"/>
              <a:gd name="connsiteY0" fmla="*/ 0 h 6858000"/>
              <a:gd name="connsiteX1" fmla="*/ 5275704 w 5275704"/>
              <a:gd name="connsiteY1" fmla="*/ 0 h 6858000"/>
              <a:gd name="connsiteX2" fmla="*/ 5275704 w 5275704"/>
              <a:gd name="connsiteY2" fmla="*/ 6858000 h 6858000"/>
              <a:gd name="connsiteX3" fmla="*/ 0 w 5275704"/>
              <a:gd name="connsiteY3" fmla="*/ 6858000 h 6858000"/>
              <a:gd name="connsiteX4" fmla="*/ 1047 w 5275704"/>
              <a:gd name="connsiteY4" fmla="*/ 6701334 h 6858000"/>
              <a:gd name="connsiteX5" fmla="*/ 1024587 w 5275704"/>
              <a:gd name="connsiteY5" fmla="*/ 15687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75704" h="6858000">
                <a:moveTo>
                  <a:pt x="1006859" y="0"/>
                </a:moveTo>
                <a:lnTo>
                  <a:pt x="5275704" y="0"/>
                </a:lnTo>
                <a:lnTo>
                  <a:pt x="5275704" y="6858000"/>
                </a:lnTo>
                <a:lnTo>
                  <a:pt x="0" y="6858000"/>
                </a:lnTo>
                <a:lnTo>
                  <a:pt x="1047" y="6701334"/>
                </a:lnTo>
                <a:cubicBezTo>
                  <a:pt x="70358" y="4573612"/>
                  <a:pt x="1202562" y="2332368"/>
                  <a:pt x="1024587" y="156870"/>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6" name="Footer Placeholder 4">
            <a:extLst>
              <a:ext uri="{FF2B5EF4-FFF2-40B4-BE49-F238E27FC236}">
                <a16:creationId xmlns:a16="http://schemas.microsoft.com/office/drawing/2014/main" id="{67702DB7-A869-C361-99EC-6954740B8435}"/>
              </a:ext>
            </a:extLst>
          </p:cNvPr>
          <p:cNvSpPr>
            <a:spLocks noGrp="1"/>
          </p:cNvSpPr>
          <p:nvPr>
            <p:ph type="ftr" sz="quarter" idx="12"/>
          </p:nvPr>
        </p:nvSpPr>
        <p:spPr>
          <a:xfrm>
            <a:off x="8742964" y="6318000"/>
            <a:ext cx="2730235" cy="180000"/>
          </a:xfrm>
        </p:spPr>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253734920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 Breaker">
    <p:bg>
      <p:bgPr>
        <a:solidFill>
          <a:schemeClr val="accent1"/>
        </a:solidFill>
        <a:effectLst/>
      </p:bgPr>
    </p:bg>
    <p:spTree>
      <p:nvGrpSpPr>
        <p:cNvPr id="1" name=""/>
        <p:cNvGrpSpPr/>
        <p:nvPr/>
      </p:nvGrpSpPr>
      <p:grpSpPr>
        <a:xfrm>
          <a:off x="0" y="0"/>
          <a:ext cx="0" cy="0"/>
          <a:chOff x="0" y="0"/>
          <a:chExt cx="0" cy="0"/>
        </a:xfrm>
      </p:grpSpPr>
      <p:sp>
        <p:nvSpPr>
          <p:cNvPr id="13" name="Date Placeholder 4">
            <a:extLst>
              <a:ext uri="{FF2B5EF4-FFF2-40B4-BE49-F238E27FC236}">
                <a16:creationId xmlns:a16="http://schemas.microsoft.com/office/drawing/2014/main" id="{D6292185-268C-5388-A289-D6FA84B09BB7}"/>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1C9EDDDB-529E-2B45-8DEE-9F6A7BCB3878}" type="datetime1">
              <a:rPr lang="en-US" smtClean="0"/>
              <a:pPr/>
              <a:t>2/5/2024</a:t>
            </a:fld>
            <a:endParaRPr lang="en-US" dirty="0"/>
          </a:p>
        </p:txBody>
      </p:sp>
      <p:sp>
        <p:nvSpPr>
          <p:cNvPr id="15" name="Slide Number Placeholder 12">
            <a:extLst>
              <a:ext uri="{FF2B5EF4-FFF2-40B4-BE49-F238E27FC236}">
                <a16:creationId xmlns:a16="http://schemas.microsoft.com/office/drawing/2014/main" id="{145FC583-E276-2C73-208A-7AD06AC81F2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18" name="Title 1">
            <a:extLst>
              <a:ext uri="{FF2B5EF4-FFF2-40B4-BE49-F238E27FC236}">
                <a16:creationId xmlns:a16="http://schemas.microsoft.com/office/drawing/2014/main" id="{9823DABA-2F4B-9723-458C-22D504518E70}"/>
              </a:ext>
            </a:extLst>
          </p:cNvPr>
          <p:cNvSpPr>
            <a:spLocks noGrp="1"/>
          </p:cNvSpPr>
          <p:nvPr>
            <p:ph type="ctrTitle" hasCustomPrompt="1"/>
          </p:nvPr>
        </p:nvSpPr>
        <p:spPr>
          <a:xfrm>
            <a:off x="1651914" y="3068491"/>
            <a:ext cx="8888172" cy="721016"/>
          </a:xfrm>
          <a:noFill/>
        </p:spPr>
        <p:txBody>
          <a:bodyPr anchor="b" anchorCtr="0"/>
          <a:lstStyle>
            <a:lvl1pPr algn="ctr">
              <a:lnSpc>
                <a:spcPts val="5000"/>
              </a:lnSpc>
              <a:defRPr sz="5000" b="1">
                <a:solidFill>
                  <a:schemeClr val="accent3"/>
                </a:solidFill>
              </a:defRPr>
            </a:lvl1pPr>
          </a:lstStyle>
          <a:p>
            <a:r>
              <a:rPr lang="en-US" dirty="0"/>
              <a:t>DIVIDER TITLE GOES HERE</a:t>
            </a:r>
          </a:p>
        </p:txBody>
      </p:sp>
      <p:sp>
        <p:nvSpPr>
          <p:cNvPr id="4" name="Freeform: Shape 13">
            <a:extLst>
              <a:ext uri="{FF2B5EF4-FFF2-40B4-BE49-F238E27FC236}">
                <a16:creationId xmlns:a16="http://schemas.microsoft.com/office/drawing/2014/main" id="{A0AF7FEB-F9D8-CCF1-F4AE-6280CABE9214}"/>
              </a:ext>
            </a:extLst>
          </p:cNvPr>
          <p:cNvSpPr>
            <a:spLocks/>
          </p:cNvSpPr>
          <p:nvPr userDrawn="1"/>
        </p:nvSpPr>
        <p:spPr bwMode="auto">
          <a:xfrm>
            <a:off x="-3783" y="2791899"/>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3"/>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5" name="Freeform: Shape 13">
            <a:extLst>
              <a:ext uri="{FF2B5EF4-FFF2-40B4-BE49-F238E27FC236}">
                <a16:creationId xmlns:a16="http://schemas.microsoft.com/office/drawing/2014/main" id="{714BB28C-4C72-5A8D-6DD4-B807CB58BB81}"/>
              </a:ext>
            </a:extLst>
          </p:cNvPr>
          <p:cNvSpPr>
            <a:spLocks/>
          </p:cNvSpPr>
          <p:nvPr userDrawn="1"/>
        </p:nvSpPr>
        <p:spPr bwMode="auto">
          <a:xfrm flipH="1">
            <a:off x="11554899" y="2791900"/>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3"/>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Tree>
    <p:extLst>
      <p:ext uri="{BB962C8B-B14F-4D97-AF65-F5344CB8AC3E}">
        <p14:creationId xmlns:p14="http://schemas.microsoft.com/office/powerpoint/2010/main" val="2665407141"/>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type="titleOnly">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Date Placeholder 2"/>
          <p:cNvSpPr>
            <a:spLocks noGrp="1"/>
          </p:cNvSpPr>
          <p:nvPr>
            <p:ph type="dt" sz="half" idx="10"/>
          </p:nvPr>
        </p:nvSpPr>
        <p:spPr/>
        <p:txBody>
          <a:bodyPr/>
          <a:lstStyle/>
          <a:p>
            <a:fld id="{65B36028-9D73-4E97-8934-4BEA3E61B5B9}" type="datetimeFigureOut">
              <a:rPr lang="en-US" smtClean="0"/>
              <a:t>2/5/2024</a:t>
            </a:fld>
            <a:endParaRPr lang="en-US" dirty="0"/>
          </a:p>
        </p:txBody>
      </p:sp>
      <p:sp>
        <p:nvSpPr>
          <p:cNvPr id="4" name="Footer Placeholder 3"/>
          <p:cNvSpPr>
            <a:spLocks noGrp="1"/>
          </p:cNvSpPr>
          <p:nvPr>
            <p:ph type="ftr" sz="quarter" idx="11"/>
          </p:nvPr>
        </p:nvSpPr>
        <p:spPr/>
        <p:txBody>
          <a:bodyPr/>
          <a:lstStyle/>
          <a:p>
            <a:pPr defTabSz="609036" fontAlgn="base">
              <a:spcBef>
                <a:spcPct val="0"/>
              </a:spcBef>
              <a:spcAft>
                <a:spcPct val="0"/>
              </a:spcAft>
              <a:defRPr/>
            </a:pPr>
            <a:r>
              <a:rPr lang="en-US" altLang="en-US"/>
              <a:t>Confidential, unpublished property of Cigna. Do not duplicate or distribute. Use and distribution limited solely to authorized personnel. © </a:t>
            </a:r>
            <a:r>
              <a:rPr lang="is-IS" altLang="en-US"/>
              <a:t>2019</a:t>
            </a:r>
            <a:r>
              <a:rPr lang="en-US" altLang="en-US"/>
              <a:t> Cigna</a:t>
            </a:r>
            <a:endParaRPr lang="en-US" altLang="en-US" dirty="0"/>
          </a:p>
        </p:txBody>
      </p:sp>
      <p:sp>
        <p:nvSpPr>
          <p:cNvPr id="5" name="Slide Number Placeholder 4"/>
          <p:cNvSpPr>
            <a:spLocks noGrp="1"/>
          </p:cNvSpPr>
          <p:nvPr>
            <p:ph type="sldNum" sz="quarter" idx="12"/>
          </p:nvPr>
        </p:nvSpPr>
        <p:spPr/>
        <p:txBody>
          <a:bodyPr/>
          <a:lstStyle/>
          <a:p>
            <a:pPr defTabSz="609036" fontAlgn="base">
              <a:spcBef>
                <a:spcPct val="0"/>
              </a:spcBef>
              <a:spcAft>
                <a:spcPct val="0"/>
              </a:spcAft>
            </a:pPr>
            <a:fld id="{90AB8E2D-927C-4F86-9CD7-CF7787D1878F}" type="slidenum">
              <a:rPr lang="en-US" altLang="en-US" smtClean="0">
                <a:latin typeface="Arial" panose="020B0604020202020204" pitchFamily="34" charset="0"/>
                <a:ea typeface="ＭＳ Ｐゴシック" panose="020B0600070205080204" pitchFamily="34" charset="-128"/>
              </a:rPr>
              <a:pPr defTabSz="609036" fontAlgn="base">
                <a:spcBef>
                  <a:spcPct val="0"/>
                </a:spcBef>
                <a:spcAft>
                  <a:spcPct val="0"/>
                </a:spcAft>
              </a:pPr>
              <a:t>‹#›</a:t>
            </a:fld>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716762957"/>
      </p:ext>
    </p:extLst>
  </p:cSld>
  <p:clrMapOvr>
    <a:masterClrMapping/>
  </p:clrMapOvr>
  <p:hf hdr="0" dt="0"/>
</p:sldLayout>
</file>

<file path=ppt/slideLayouts/slideLayout71.xml><?xml version="1.0" encoding="utf-8"?>
<p:sldLayout xmlns:a="http://schemas.openxmlformats.org/drawingml/2006/main" xmlns:r="http://schemas.openxmlformats.org/officeDocument/2006/relationships" xmlns:p="http://schemas.openxmlformats.org/presentationml/2006/main" userDrawn="1">
  <p:cSld name="3_Title Slide">
    <p:spTree>
      <p:nvGrpSpPr>
        <p:cNvPr id="1" name=""/>
        <p:cNvGrpSpPr/>
        <p:nvPr/>
      </p:nvGrpSpPr>
      <p:grpSpPr>
        <a:xfrm>
          <a:off x="0" y="0"/>
          <a:ext cx="0" cy="0"/>
          <a:chOff x="0" y="0"/>
          <a:chExt cx="0" cy="0"/>
        </a:xfrm>
      </p:grpSpPr>
      <p:pic>
        <p:nvPicPr>
          <p:cNvPr id="3" name="Picture 2"/>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182203" y="6225839"/>
            <a:ext cx="1422289" cy="371623"/>
          </a:xfrm>
          <a:prstGeom prst="rect">
            <a:avLst/>
          </a:prstGeom>
        </p:spPr>
      </p:pic>
    </p:spTree>
    <p:extLst>
      <p:ext uri="{BB962C8B-B14F-4D97-AF65-F5344CB8AC3E}">
        <p14:creationId xmlns:p14="http://schemas.microsoft.com/office/powerpoint/2010/main" val="3382537280"/>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userDrawn="1">
  <p:cSld name="A. Infographic w/eyebrow">
    <p:spTree>
      <p:nvGrpSpPr>
        <p:cNvPr id="1" name=""/>
        <p:cNvGrpSpPr/>
        <p:nvPr/>
      </p:nvGrpSpPr>
      <p:grpSpPr>
        <a:xfrm>
          <a:off x="0" y="0"/>
          <a:ext cx="0" cy="0"/>
          <a:chOff x="0" y="0"/>
          <a:chExt cx="0" cy="0"/>
        </a:xfrm>
      </p:grpSpPr>
      <p:sp>
        <p:nvSpPr>
          <p:cNvPr id="9" name="Text Placeholder 13">
            <a:extLst>
              <a:ext uri="{FF2B5EF4-FFF2-40B4-BE49-F238E27FC236}">
                <a16:creationId xmlns:a16="http://schemas.microsoft.com/office/drawing/2014/main" id="{A08A0EB6-6EF6-4C48-A3C1-7BAD68A1AAF9}"/>
              </a:ext>
            </a:extLst>
          </p:cNvPr>
          <p:cNvSpPr>
            <a:spLocks noGrp="1"/>
          </p:cNvSpPr>
          <p:nvPr>
            <p:ph type="body" sz="quarter" idx="16" hasCustomPrompt="1"/>
          </p:nvPr>
        </p:nvSpPr>
        <p:spPr>
          <a:xfrm>
            <a:off x="360000" y="5972400"/>
            <a:ext cx="11473200" cy="180000"/>
          </a:xfrm>
        </p:spPr>
        <p:txBody>
          <a:bodyPr anchor="b"/>
          <a:lstStyle>
            <a:lvl1pPr marL="0" indent="0">
              <a:buNone/>
              <a:defRPr sz="800" i="1"/>
            </a:lvl1pPr>
          </a:lstStyle>
          <a:p>
            <a:pPr lvl="0"/>
            <a:r>
              <a:rPr lang="en-US" dirty="0"/>
              <a:t>Insert notes</a:t>
            </a:r>
            <a:endParaRPr lang="en-US"/>
          </a:p>
        </p:txBody>
      </p:sp>
      <p:sp>
        <p:nvSpPr>
          <p:cNvPr id="7" name="Title 1">
            <a:extLst>
              <a:ext uri="{FF2B5EF4-FFF2-40B4-BE49-F238E27FC236}">
                <a16:creationId xmlns:a16="http://schemas.microsoft.com/office/drawing/2014/main" id="{87A655C7-CF4D-4744-9276-B426F65AE451}"/>
              </a:ext>
            </a:extLst>
          </p:cNvPr>
          <p:cNvSpPr>
            <a:spLocks noGrp="1"/>
          </p:cNvSpPr>
          <p:nvPr>
            <p:ph type="title" hasCustomPrompt="1"/>
          </p:nvPr>
        </p:nvSpPr>
        <p:spPr>
          <a:xfrm>
            <a:off x="356401" y="518400"/>
            <a:ext cx="7589836" cy="1009651"/>
          </a:xfrm>
        </p:spPr>
        <p:txBody>
          <a:bodyPr/>
          <a:lstStyle>
            <a:lvl1pPr>
              <a:defRPr>
                <a:solidFill>
                  <a:schemeClr val="tx1"/>
                </a:solidFill>
              </a:defRPr>
            </a:lvl1pPr>
          </a:lstStyle>
          <a:p>
            <a:r>
              <a:rPr lang="en-US" noProof="0" dirty="0"/>
              <a:t>Click to add title</a:t>
            </a:r>
            <a:endParaRPr lang="en-US" dirty="0"/>
          </a:p>
        </p:txBody>
      </p:sp>
      <p:sp>
        <p:nvSpPr>
          <p:cNvPr id="10" name="Text Placeholder 7">
            <a:extLst>
              <a:ext uri="{FF2B5EF4-FFF2-40B4-BE49-F238E27FC236}">
                <a16:creationId xmlns:a16="http://schemas.microsoft.com/office/drawing/2014/main" id="{D6B3DB25-56C7-A24E-8BD8-29AD5E72AC20}"/>
              </a:ext>
            </a:extLst>
          </p:cNvPr>
          <p:cNvSpPr>
            <a:spLocks noGrp="1"/>
          </p:cNvSpPr>
          <p:nvPr>
            <p:ph type="body" sz="quarter" idx="13" hasCustomPrompt="1"/>
          </p:nvPr>
        </p:nvSpPr>
        <p:spPr>
          <a:xfrm>
            <a:off x="356400" y="129600"/>
            <a:ext cx="7589837" cy="269245"/>
          </a:xfrm>
          <a:prstGeom prst="rect">
            <a:avLst/>
          </a:prstGeom>
        </p:spPr>
        <p:txBody>
          <a:bodyPr lIns="0" anchor="b" anchorCtr="0">
            <a:noAutofit/>
          </a:bodyPr>
          <a:lstStyle>
            <a:lvl1pPr marL="0" indent="0">
              <a:lnSpc>
                <a:spcPct val="85000"/>
              </a:lnSpc>
              <a:spcBef>
                <a:spcPts val="0"/>
              </a:spcBef>
              <a:spcAft>
                <a:spcPts val="0"/>
              </a:spcAft>
              <a:buNone/>
              <a:defRPr sz="1200" b="0" i="0" cap="all" spc="151" baseline="0">
                <a:solidFill>
                  <a:schemeClr val="tx1"/>
                </a:solidFill>
                <a:latin typeface="Consolas" panose="020B0609020204030204" pitchFamily="49" charset="0"/>
                <a:cs typeface="Consolas" panose="020B0609020204030204" pitchFamily="49" charset="0"/>
              </a:defRPr>
            </a:lvl1pPr>
          </a:lstStyle>
          <a:p>
            <a:pPr lvl="0"/>
            <a:r>
              <a:rPr lang="en-US" dirty="0"/>
              <a:t>Category or Subtopic Goes Here</a:t>
            </a:r>
            <a:endParaRPr lang="en-US"/>
          </a:p>
        </p:txBody>
      </p:sp>
      <p:sp>
        <p:nvSpPr>
          <p:cNvPr id="2" name="Date Placeholder 1">
            <a:extLst>
              <a:ext uri="{FF2B5EF4-FFF2-40B4-BE49-F238E27FC236}">
                <a16:creationId xmlns:a16="http://schemas.microsoft.com/office/drawing/2014/main" id="{95D04106-8929-431D-8754-FFAC8DF7F73A}"/>
              </a:ext>
            </a:extLst>
          </p:cNvPr>
          <p:cNvSpPr>
            <a:spLocks noGrp="1"/>
          </p:cNvSpPr>
          <p:nvPr>
            <p:ph type="dt" sz="half" idx="17"/>
          </p:nvPr>
        </p:nvSpPr>
        <p:spPr/>
        <p:txBody>
          <a:bodyPr/>
          <a:lstStyle>
            <a:lvl1pPr algn="r">
              <a:defRPr/>
            </a:lvl1pPr>
          </a:lstStyle>
          <a:p>
            <a:fld id="{91F2A218-8EC3-4ABD-95C2-C85E74315FA4}" type="datetime1">
              <a:rPr lang="en-US" smtClean="0"/>
              <a:pPr/>
              <a:t>2/5/2024</a:t>
            </a:fld>
            <a:endParaRPr lang="en-US" dirty="0"/>
          </a:p>
        </p:txBody>
      </p:sp>
      <p:sp>
        <p:nvSpPr>
          <p:cNvPr id="3" name="Slide Number Placeholder 2">
            <a:extLst>
              <a:ext uri="{FF2B5EF4-FFF2-40B4-BE49-F238E27FC236}">
                <a16:creationId xmlns:a16="http://schemas.microsoft.com/office/drawing/2014/main" id="{1CCB85E8-E9A6-42E6-832D-DAE6C6B71D4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947248954"/>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userDrawn="1">
  <p:cSld name="1_C. Content">
    <p:spTree>
      <p:nvGrpSpPr>
        <p:cNvPr id="1" name=""/>
        <p:cNvGrpSpPr/>
        <p:nvPr/>
      </p:nvGrpSpPr>
      <p:grpSpPr>
        <a:xfrm>
          <a:off x="0" y="0"/>
          <a:ext cx="0" cy="0"/>
          <a:chOff x="0" y="0"/>
          <a:chExt cx="0" cy="0"/>
        </a:xfrm>
      </p:grpSpPr>
      <p:sp>
        <p:nvSpPr>
          <p:cNvPr id="5" name="Background">
            <a:extLst>
              <a:ext uri="{FF2B5EF4-FFF2-40B4-BE49-F238E27FC236}">
                <a16:creationId xmlns:a16="http://schemas.microsoft.com/office/drawing/2014/main" id="{1C4A495F-F823-D65D-76DC-9B1C21F16E46}"/>
              </a:ext>
            </a:extLst>
          </p:cNvPr>
          <p:cNvSpPr/>
          <p:nvPr userDrawn="1"/>
        </p:nvSpPr>
        <p:spPr bwMode="white">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8" name="Picture Placeholder 7">
            <a:extLst>
              <a:ext uri="{FF2B5EF4-FFF2-40B4-BE49-F238E27FC236}">
                <a16:creationId xmlns:a16="http://schemas.microsoft.com/office/drawing/2014/main" id="{399D0CC9-2CD9-64AB-BF0E-766B0F1333F8}"/>
              </a:ext>
            </a:extLst>
          </p:cNvPr>
          <p:cNvSpPr>
            <a:spLocks noGrp="1"/>
          </p:cNvSpPr>
          <p:nvPr>
            <p:ph type="pic" sz="quarter" idx="13" hasCustomPrompt="1"/>
          </p:nvPr>
        </p:nvSpPr>
        <p:spPr>
          <a:xfrm>
            <a:off x="4244400" y="1558800"/>
            <a:ext cx="7583374" cy="4189538"/>
          </a:xfrm>
          <a:custGeom>
            <a:avLst/>
            <a:gdLst>
              <a:gd name="connsiteX0" fmla="*/ 930209 w 7583374"/>
              <a:gd name="connsiteY0" fmla="*/ 0 h 4189538"/>
              <a:gd name="connsiteX1" fmla="*/ 7583374 w 7583374"/>
              <a:gd name="connsiteY1" fmla="*/ 0 h 4189538"/>
              <a:gd name="connsiteX2" fmla="*/ 7583374 w 7583374"/>
              <a:gd name="connsiteY2" fmla="*/ 3259250 h 4189538"/>
              <a:gd name="connsiteX3" fmla="*/ 6653086 w 7583374"/>
              <a:gd name="connsiteY3" fmla="*/ 4189538 h 4189538"/>
              <a:gd name="connsiteX4" fmla="*/ 0 w 7583374"/>
              <a:gd name="connsiteY4" fmla="*/ 4189538 h 4189538"/>
              <a:gd name="connsiteX5" fmla="*/ 0 w 7583374"/>
              <a:gd name="connsiteY5" fmla="*/ 930284 h 4189538"/>
              <a:gd name="connsiteX6" fmla="*/ 835172 w 7583374"/>
              <a:gd name="connsiteY6" fmla="*/ 4799 h 4189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583374" h="4189538">
                <a:moveTo>
                  <a:pt x="930209" y="0"/>
                </a:moveTo>
                <a:lnTo>
                  <a:pt x="7583374" y="0"/>
                </a:lnTo>
                <a:lnTo>
                  <a:pt x="7583374" y="3259250"/>
                </a:lnTo>
                <a:cubicBezTo>
                  <a:pt x="7583374" y="3773034"/>
                  <a:pt x="7166870" y="4189538"/>
                  <a:pt x="6653086" y="4189538"/>
                </a:cubicBezTo>
                <a:lnTo>
                  <a:pt x="0" y="4189538"/>
                </a:lnTo>
                <a:lnTo>
                  <a:pt x="0" y="930284"/>
                </a:lnTo>
                <a:cubicBezTo>
                  <a:pt x="0" y="448612"/>
                  <a:pt x="366068" y="52439"/>
                  <a:pt x="835172" y="4799"/>
                </a:cubicBezTo>
                <a:close/>
              </a:path>
            </a:pathLst>
          </a:cu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p:txBody>
          <a:bodyPr/>
          <a:lstStyle>
            <a:lvl1pPr>
              <a:defRPr>
                <a:solidFill>
                  <a:schemeClr val="accent1"/>
                </a:solidFill>
              </a:defRPr>
            </a:lvl1pPr>
          </a:lstStyle>
          <a:p>
            <a:r>
              <a:rPr lang="en-US" noProof="0" dirty="0"/>
              <a:t>Click to add title</a:t>
            </a:r>
            <a:endParaRPr lang="en-US" dirty="0"/>
          </a:p>
        </p:txBody>
      </p:sp>
      <p:sp>
        <p:nvSpPr>
          <p:cNvPr id="14" name="Content Placeholder 2">
            <a:extLst>
              <a:ext uri="{FF2B5EF4-FFF2-40B4-BE49-F238E27FC236}">
                <a16:creationId xmlns:a16="http://schemas.microsoft.com/office/drawing/2014/main" id="{803C5212-A524-12E5-F6BE-73BB8AEF56F0}"/>
              </a:ext>
            </a:extLst>
          </p:cNvPr>
          <p:cNvSpPr>
            <a:spLocks noGrp="1"/>
          </p:cNvSpPr>
          <p:nvPr>
            <p:ph idx="1" hasCustomPrompt="1"/>
          </p:nvPr>
        </p:nvSpPr>
        <p:spPr>
          <a:xfrm>
            <a:off x="360000" y="1558800"/>
            <a:ext cx="3693600" cy="41904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p>
          <a:p>
            <a:pPr lvl="5"/>
            <a:r>
              <a:rPr lang="en-US" noProof="0" dirty="0"/>
              <a:t>6 level</a:t>
            </a:r>
          </a:p>
          <a:p>
            <a:pPr lvl="6"/>
            <a:r>
              <a:rPr lang="en-US" noProof="0" dirty="0"/>
              <a:t>7 level</a:t>
            </a:r>
          </a:p>
          <a:p>
            <a:pPr lvl="7"/>
            <a:r>
              <a:rPr lang="en-US" noProof="0" dirty="0"/>
              <a:t>8 level</a:t>
            </a:r>
          </a:p>
          <a:p>
            <a:pPr lvl="8"/>
            <a:r>
              <a:rPr lang="en-US" noProof="0" dirty="0"/>
              <a:t>9 level</a:t>
            </a:r>
            <a:endParaRPr lang="en-US" dirty="0"/>
          </a:p>
        </p:txBody>
      </p:sp>
      <p:sp>
        <p:nvSpPr>
          <p:cNvPr id="10" name="Text Placeholder 13">
            <a:extLst>
              <a:ext uri="{FF2B5EF4-FFF2-40B4-BE49-F238E27FC236}">
                <a16:creationId xmlns:a16="http://schemas.microsoft.com/office/drawing/2014/main" id="{68C3974C-97E9-DBC0-ECD5-917B6179BC40}"/>
              </a:ext>
            </a:extLst>
          </p:cNvPr>
          <p:cNvSpPr>
            <a:spLocks noGrp="1"/>
          </p:cNvSpPr>
          <p:nvPr>
            <p:ph type="body" sz="quarter" idx="16" hasCustomPrompt="1"/>
          </p:nvPr>
        </p:nvSpPr>
        <p:spPr>
          <a:xfrm>
            <a:off x="360000" y="5749200"/>
            <a:ext cx="11473200" cy="370800"/>
          </a:xfrm>
        </p:spPr>
        <p:txBody>
          <a:bodyPr anchor="b"/>
          <a:lstStyle>
            <a:lvl1pPr marL="0" indent="0">
              <a:buNone/>
              <a:defRPr sz="900" i="1">
                <a:solidFill>
                  <a:schemeClr val="bg1"/>
                </a:solidFill>
              </a:defRPr>
            </a:lvl1pPr>
          </a:lstStyle>
          <a:p>
            <a:pPr lvl="0"/>
            <a:r>
              <a:rPr lang="en-US" dirty="0"/>
              <a:t>Insert notes</a:t>
            </a:r>
          </a:p>
        </p:txBody>
      </p:sp>
      <p:pic>
        <p:nvPicPr>
          <p:cNvPr id="3" name="Logo">
            <a:extLst>
              <a:ext uri="{FF2B5EF4-FFF2-40B4-BE49-F238E27FC236}">
                <a16:creationId xmlns:a16="http://schemas.microsoft.com/office/drawing/2014/main" id="{B3D817E7-5908-644A-AE31-842C9B952023}"/>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invGray">
          <a:xfrm>
            <a:off x="156725" y="6093584"/>
            <a:ext cx="2197117" cy="715728"/>
          </a:xfrm>
          <a:prstGeom prst="rect">
            <a:avLst/>
          </a:prstGeom>
        </p:spPr>
      </p:pic>
    </p:spTree>
    <p:extLst>
      <p:ext uri="{BB962C8B-B14F-4D97-AF65-F5344CB8AC3E}">
        <p14:creationId xmlns:p14="http://schemas.microsoft.com/office/powerpoint/2010/main" val="2884156334"/>
      </p:ext>
    </p:extLst>
  </p:cSld>
  <p:clrMapOvr>
    <a:masterClrMapping/>
  </p:clrMapOvr>
  <p:extLst>
    <p:ext uri="{DCECCB84-F9BA-43D5-87BE-67443E8EF086}">
      <p15:sldGuideLst xmlns:p15="http://schemas.microsoft.com/office/powerpoint/2012/main">
        <p15:guide id="1" orient="horz" pos="98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D. Breaker">
    <p:bg>
      <p:bgPr>
        <a:solidFill>
          <a:schemeClr val="accent2"/>
        </a:solidFill>
        <a:effectLst/>
      </p:bgPr>
    </p:bg>
    <p:spTree>
      <p:nvGrpSpPr>
        <p:cNvPr id="1" name=""/>
        <p:cNvGrpSpPr/>
        <p:nvPr/>
      </p:nvGrpSpPr>
      <p:grpSpPr>
        <a:xfrm>
          <a:off x="0" y="0"/>
          <a:ext cx="0" cy="0"/>
          <a:chOff x="0" y="0"/>
          <a:chExt cx="0" cy="0"/>
        </a:xfrm>
      </p:grpSpPr>
      <p:sp>
        <p:nvSpPr>
          <p:cNvPr id="13" name="Date Placeholder 4">
            <a:extLst>
              <a:ext uri="{FF2B5EF4-FFF2-40B4-BE49-F238E27FC236}">
                <a16:creationId xmlns:a16="http://schemas.microsoft.com/office/drawing/2014/main" id="{D6292185-268C-5388-A289-D6FA84B09BB7}"/>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D3FC0371-9F5A-A646-805D-5A2F3B610937}" type="datetime1">
              <a:rPr lang="en-US" smtClean="0"/>
              <a:pPr/>
              <a:t>2/5/2024</a:t>
            </a:fld>
            <a:endParaRPr lang="en-US" dirty="0"/>
          </a:p>
        </p:txBody>
      </p:sp>
      <p:sp>
        <p:nvSpPr>
          <p:cNvPr id="15" name="Slide Number Placeholder 12">
            <a:extLst>
              <a:ext uri="{FF2B5EF4-FFF2-40B4-BE49-F238E27FC236}">
                <a16:creationId xmlns:a16="http://schemas.microsoft.com/office/drawing/2014/main" id="{145FC583-E276-2C73-208A-7AD06AC81F2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18" name="Title 1">
            <a:extLst>
              <a:ext uri="{FF2B5EF4-FFF2-40B4-BE49-F238E27FC236}">
                <a16:creationId xmlns:a16="http://schemas.microsoft.com/office/drawing/2014/main" id="{9823DABA-2F4B-9723-458C-22D504518E70}"/>
              </a:ext>
            </a:extLst>
          </p:cNvPr>
          <p:cNvSpPr>
            <a:spLocks noGrp="1"/>
          </p:cNvSpPr>
          <p:nvPr>
            <p:ph type="ctrTitle" hasCustomPrompt="1"/>
          </p:nvPr>
        </p:nvSpPr>
        <p:spPr>
          <a:xfrm>
            <a:off x="1651914" y="3068491"/>
            <a:ext cx="8888172" cy="721016"/>
          </a:xfrm>
          <a:noFill/>
        </p:spPr>
        <p:txBody>
          <a:bodyPr anchor="b" anchorCtr="0"/>
          <a:lstStyle>
            <a:lvl1pPr algn="ctr">
              <a:lnSpc>
                <a:spcPts val="5000"/>
              </a:lnSpc>
              <a:defRPr sz="5000" b="1">
                <a:solidFill>
                  <a:schemeClr val="bg2"/>
                </a:solidFill>
              </a:defRPr>
            </a:lvl1pPr>
          </a:lstStyle>
          <a:p>
            <a:r>
              <a:rPr lang="en-US" dirty="0"/>
              <a:t>DIVIDER TITLE GOES HERE</a:t>
            </a:r>
          </a:p>
        </p:txBody>
      </p:sp>
      <p:sp>
        <p:nvSpPr>
          <p:cNvPr id="4" name="Freeform: Shape 13">
            <a:extLst>
              <a:ext uri="{FF2B5EF4-FFF2-40B4-BE49-F238E27FC236}">
                <a16:creationId xmlns:a16="http://schemas.microsoft.com/office/drawing/2014/main" id="{4B6D2E82-56E7-170B-F354-97EDE21C1E4D}"/>
              </a:ext>
            </a:extLst>
          </p:cNvPr>
          <p:cNvSpPr>
            <a:spLocks/>
          </p:cNvSpPr>
          <p:nvPr userDrawn="1"/>
        </p:nvSpPr>
        <p:spPr bwMode="auto">
          <a:xfrm>
            <a:off x="-3783" y="2791899"/>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4"/>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5" name="Freeform: Shape 13">
            <a:extLst>
              <a:ext uri="{FF2B5EF4-FFF2-40B4-BE49-F238E27FC236}">
                <a16:creationId xmlns:a16="http://schemas.microsoft.com/office/drawing/2014/main" id="{DEB0826D-E928-E0BE-6F70-83B8432887D0}"/>
              </a:ext>
            </a:extLst>
          </p:cNvPr>
          <p:cNvSpPr>
            <a:spLocks/>
          </p:cNvSpPr>
          <p:nvPr userDrawn="1"/>
        </p:nvSpPr>
        <p:spPr bwMode="auto">
          <a:xfrm flipH="1">
            <a:off x="11554899" y="2791900"/>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4"/>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tx1"/>
              </a:solidFill>
            </a:endParaRPr>
          </a:p>
        </p:txBody>
      </p:sp>
      <p:sp>
        <p:nvSpPr>
          <p:cNvPr id="2" name="Rectangle 1">
            <a:extLst>
              <a:ext uri="{FF2B5EF4-FFF2-40B4-BE49-F238E27FC236}">
                <a16:creationId xmlns:a16="http://schemas.microsoft.com/office/drawing/2014/main" id="{A112C3C2-9562-6E72-6D7B-5A56A071C5EB}"/>
              </a:ext>
            </a:extLst>
          </p:cNvPr>
          <p:cNvSpPr/>
          <p:nvPr userDrawn="1"/>
        </p:nvSpPr>
        <p:spPr>
          <a:xfrm>
            <a:off x="260252" y="6318000"/>
            <a:ext cx="1751428" cy="37118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3" name="Graphic 2">
            <a:extLst>
              <a:ext uri="{FF2B5EF4-FFF2-40B4-BE49-F238E27FC236}">
                <a16:creationId xmlns:a16="http://schemas.microsoft.com/office/drawing/2014/main" id="{6FF8AB5C-5751-C89D-5ECF-A60323B1181A}"/>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
        <p:nvSpPr>
          <p:cNvPr id="11" name="text" descr="{&quot;templafy&quot;:{&quot;id&quot;:&quot;4dd46786-6585-4b25-b66e-c75e4e81da7d&quot;}}" title="Form.Cigna_Confidentiality.EvernorthConfidentiality">
            <a:extLst>
              <a:ext uri="{FF2B5EF4-FFF2-40B4-BE49-F238E27FC236}">
                <a16:creationId xmlns:a16="http://schemas.microsoft.com/office/drawing/2014/main" id="{A62F7CEA-D7AB-BF7F-13CA-CE59B6503E72}"/>
              </a:ext>
            </a:extLst>
          </p:cNvPr>
          <p:cNvSpPr/>
          <p:nvPr userDrawn="1"/>
        </p:nvSpPr>
        <p:spPr>
          <a:xfrm>
            <a:off x="4243388" y="6335818"/>
            <a:ext cx="3278533" cy="18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bg2"/>
                </a:solidFill>
                <a:effectLst/>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Tree>
    <p:extLst>
      <p:ext uri="{BB962C8B-B14F-4D97-AF65-F5344CB8AC3E}">
        <p14:creationId xmlns:p14="http://schemas.microsoft.com/office/powerpoint/2010/main" val="55179465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E. Breaker">
    <p:bg>
      <p:bgPr>
        <a:solidFill>
          <a:schemeClr val="tx1"/>
        </a:solidFill>
        <a:effectLst/>
      </p:bgPr>
    </p:bg>
    <p:spTree>
      <p:nvGrpSpPr>
        <p:cNvPr id="1" name=""/>
        <p:cNvGrpSpPr/>
        <p:nvPr/>
      </p:nvGrpSpPr>
      <p:grpSpPr>
        <a:xfrm>
          <a:off x="0" y="0"/>
          <a:ext cx="0" cy="0"/>
          <a:chOff x="0" y="0"/>
          <a:chExt cx="0" cy="0"/>
        </a:xfrm>
      </p:grpSpPr>
      <p:sp>
        <p:nvSpPr>
          <p:cNvPr id="13" name="Date Placeholder 4">
            <a:extLst>
              <a:ext uri="{FF2B5EF4-FFF2-40B4-BE49-F238E27FC236}">
                <a16:creationId xmlns:a16="http://schemas.microsoft.com/office/drawing/2014/main" id="{D6292185-268C-5388-A289-D6FA84B09BB7}"/>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BD6042D5-8567-6341-BD5E-53EA1E4EC716}" type="datetime1">
              <a:rPr lang="en-US" smtClean="0"/>
              <a:pPr/>
              <a:t>2/5/2024</a:t>
            </a:fld>
            <a:endParaRPr lang="en-US" dirty="0"/>
          </a:p>
        </p:txBody>
      </p:sp>
      <p:sp>
        <p:nvSpPr>
          <p:cNvPr id="15" name="Slide Number Placeholder 12">
            <a:extLst>
              <a:ext uri="{FF2B5EF4-FFF2-40B4-BE49-F238E27FC236}">
                <a16:creationId xmlns:a16="http://schemas.microsoft.com/office/drawing/2014/main" id="{145FC583-E276-2C73-208A-7AD06AC81F29}"/>
              </a:ext>
            </a:extLst>
          </p:cNvPr>
          <p:cNvSpPr>
            <a:spLocks noGrp="1"/>
          </p:cNvSpPr>
          <p:nvPr>
            <p:ph type="sldNum" sz="quarter" idx="4"/>
          </p:nvPr>
        </p:nvSpPr>
        <p:spPr>
          <a:xfrm>
            <a:off x="11387412" y="6358155"/>
            <a:ext cx="447400" cy="178736"/>
          </a:xfrm>
          <a:prstGeom prst="rect">
            <a:avLst/>
          </a:prstGeom>
        </p:spPr>
        <p:txBody>
          <a:bodyPr/>
          <a:lstStyle>
            <a:lvl1pPr algn="r">
              <a:defRPr sz="800">
                <a:solidFill>
                  <a:schemeClr val="bg2"/>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18" name="Title 1">
            <a:extLst>
              <a:ext uri="{FF2B5EF4-FFF2-40B4-BE49-F238E27FC236}">
                <a16:creationId xmlns:a16="http://schemas.microsoft.com/office/drawing/2014/main" id="{9823DABA-2F4B-9723-458C-22D504518E70}"/>
              </a:ext>
            </a:extLst>
          </p:cNvPr>
          <p:cNvSpPr>
            <a:spLocks noGrp="1"/>
          </p:cNvSpPr>
          <p:nvPr>
            <p:ph type="ctrTitle" hasCustomPrompt="1"/>
          </p:nvPr>
        </p:nvSpPr>
        <p:spPr>
          <a:xfrm>
            <a:off x="1651914" y="3068491"/>
            <a:ext cx="8888172" cy="721016"/>
          </a:xfrm>
          <a:noFill/>
        </p:spPr>
        <p:txBody>
          <a:bodyPr anchor="b" anchorCtr="0"/>
          <a:lstStyle>
            <a:lvl1pPr algn="ctr">
              <a:lnSpc>
                <a:spcPts val="5000"/>
              </a:lnSpc>
              <a:defRPr sz="5000" b="1">
                <a:solidFill>
                  <a:schemeClr val="bg1"/>
                </a:solidFill>
              </a:defRPr>
            </a:lvl1pPr>
          </a:lstStyle>
          <a:p>
            <a:r>
              <a:rPr lang="en-US" dirty="0"/>
              <a:t>DIVIDER TITLE GOES HERE</a:t>
            </a:r>
          </a:p>
        </p:txBody>
      </p:sp>
      <p:sp>
        <p:nvSpPr>
          <p:cNvPr id="4" name="Freeform: Shape 13">
            <a:extLst>
              <a:ext uri="{FF2B5EF4-FFF2-40B4-BE49-F238E27FC236}">
                <a16:creationId xmlns:a16="http://schemas.microsoft.com/office/drawing/2014/main" id="{E9AFD1E3-98B5-DE67-11B1-647D0588F19E}"/>
              </a:ext>
            </a:extLst>
          </p:cNvPr>
          <p:cNvSpPr>
            <a:spLocks/>
          </p:cNvSpPr>
          <p:nvPr userDrawn="1"/>
        </p:nvSpPr>
        <p:spPr bwMode="auto">
          <a:xfrm>
            <a:off x="-3783" y="2791899"/>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accent1"/>
              </a:solidFill>
            </a:endParaRPr>
          </a:p>
        </p:txBody>
      </p:sp>
      <p:sp>
        <p:nvSpPr>
          <p:cNvPr id="5" name="Freeform: Shape 13">
            <a:extLst>
              <a:ext uri="{FF2B5EF4-FFF2-40B4-BE49-F238E27FC236}">
                <a16:creationId xmlns:a16="http://schemas.microsoft.com/office/drawing/2014/main" id="{A8C6B1A6-872A-431A-BEC8-5FA4ECA63F62}"/>
              </a:ext>
            </a:extLst>
          </p:cNvPr>
          <p:cNvSpPr>
            <a:spLocks/>
          </p:cNvSpPr>
          <p:nvPr userDrawn="1"/>
        </p:nvSpPr>
        <p:spPr bwMode="auto">
          <a:xfrm flipH="1">
            <a:off x="11554899" y="2791900"/>
            <a:ext cx="640884" cy="1274202"/>
          </a:xfrm>
          <a:custGeom>
            <a:avLst/>
            <a:gdLst>
              <a:gd name="connsiteX0" fmla="*/ 0 w 609935"/>
              <a:gd name="connsiteY0" fmla="*/ 0 h 1212670"/>
              <a:gd name="connsiteX1" fmla="*/ 136724 w 609935"/>
              <a:gd name="connsiteY1" fmla="*/ 0 h 1212670"/>
              <a:gd name="connsiteX2" fmla="*/ 136724 w 609935"/>
              <a:gd name="connsiteY2" fmla="*/ 473211 h 1212670"/>
              <a:gd name="connsiteX3" fmla="*/ 609935 w 609935"/>
              <a:gd name="connsiteY3" fmla="*/ 473211 h 1212670"/>
              <a:gd name="connsiteX4" fmla="*/ 609935 w 609935"/>
              <a:gd name="connsiteY4" fmla="*/ 738381 h 1212670"/>
              <a:gd name="connsiteX5" fmla="*/ 136724 w 609935"/>
              <a:gd name="connsiteY5" fmla="*/ 738381 h 1212670"/>
              <a:gd name="connsiteX6" fmla="*/ 136724 w 609935"/>
              <a:gd name="connsiteY6" fmla="*/ 1212670 h 1212670"/>
              <a:gd name="connsiteX7" fmla="*/ 0 w 609935"/>
              <a:gd name="connsiteY7" fmla="*/ 1212670 h 1212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935" h="1212670">
                <a:moveTo>
                  <a:pt x="0" y="0"/>
                </a:moveTo>
                <a:lnTo>
                  <a:pt x="136724" y="0"/>
                </a:lnTo>
                <a:lnTo>
                  <a:pt x="136724" y="473211"/>
                </a:lnTo>
                <a:lnTo>
                  <a:pt x="609935" y="473211"/>
                </a:lnTo>
                <a:lnTo>
                  <a:pt x="609935" y="738381"/>
                </a:lnTo>
                <a:lnTo>
                  <a:pt x="136724" y="738381"/>
                </a:lnTo>
                <a:lnTo>
                  <a:pt x="136724" y="1212670"/>
                </a:lnTo>
                <a:lnTo>
                  <a:pt x="0" y="1212670"/>
                </a:lnTo>
                <a:close/>
              </a:path>
            </a:pathLst>
          </a:custGeom>
          <a:solidFill>
            <a:schemeClr val="accent1"/>
          </a:solidFill>
          <a:ln>
            <a:noFill/>
          </a:ln>
        </p:spPr>
        <p:txBody>
          <a:bodyPr vert="horz" wrap="square" lIns="91440" tIns="45720" rIns="91440" bIns="45720" numCol="1" anchor="t" anchorCtr="0" compatLnSpc="1">
            <a:prstTxWarp prst="textNoShape">
              <a:avLst/>
            </a:prstTxWarp>
            <a:noAutofit/>
          </a:bodyPr>
          <a:lstStyle/>
          <a:p>
            <a:endParaRPr lang="en-US" dirty="0">
              <a:solidFill>
                <a:schemeClr val="accent1"/>
              </a:solidFill>
            </a:endParaRPr>
          </a:p>
        </p:txBody>
      </p:sp>
      <p:sp>
        <p:nvSpPr>
          <p:cNvPr id="3" name="Rectangle 2">
            <a:extLst>
              <a:ext uri="{FF2B5EF4-FFF2-40B4-BE49-F238E27FC236}">
                <a16:creationId xmlns:a16="http://schemas.microsoft.com/office/drawing/2014/main" id="{364D8561-0BC5-B254-BE0A-A9A438907268}"/>
              </a:ext>
            </a:extLst>
          </p:cNvPr>
          <p:cNvSpPr/>
          <p:nvPr userDrawn="1"/>
        </p:nvSpPr>
        <p:spPr>
          <a:xfrm>
            <a:off x="232117" y="6318000"/>
            <a:ext cx="1702191" cy="35712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7" name="Graphic 6">
            <a:extLst>
              <a:ext uri="{FF2B5EF4-FFF2-40B4-BE49-F238E27FC236}">
                <a16:creationId xmlns:a16="http://schemas.microsoft.com/office/drawing/2014/main" id="{14D752D0-1BF1-38BC-3DE0-79B7813ED042}"/>
              </a:ext>
            </a:extLst>
          </p:cNvPr>
          <p:cNvPicPr>
            <a:picLocks noChangeAspect="1"/>
          </p:cNvPicPr>
          <p:nvPr userDrawn="1"/>
        </p:nvPicPr>
        <p:blipFill>
          <a:blip r:embed="rId2" cstate="hq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0154" y="6335818"/>
            <a:ext cx="1498874" cy="249812"/>
          </a:xfrm>
          <a:prstGeom prst="rect">
            <a:avLst/>
          </a:prstGeom>
        </p:spPr>
      </p:pic>
      <p:sp>
        <p:nvSpPr>
          <p:cNvPr id="11" name="text" descr="{&quot;templafy&quot;:{&quot;id&quot;:&quot;4dd46786-6585-4b25-b66e-c75e4e81da7d&quot;}}" title="Form.Cigna_Confidentiality.EvernorthConfidentiality">
            <a:extLst>
              <a:ext uri="{FF2B5EF4-FFF2-40B4-BE49-F238E27FC236}">
                <a16:creationId xmlns:a16="http://schemas.microsoft.com/office/drawing/2014/main" id="{F8025B2F-ACD3-428F-8572-B63C0851E85C}"/>
              </a:ext>
            </a:extLst>
          </p:cNvPr>
          <p:cNvSpPr/>
          <p:nvPr userDrawn="1"/>
        </p:nvSpPr>
        <p:spPr>
          <a:xfrm>
            <a:off x="4243388" y="6335818"/>
            <a:ext cx="3278533" cy="180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bg2"/>
                </a:solidFill>
                <a:effectLst/>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Tree>
    <p:extLst>
      <p:ext uri="{BB962C8B-B14F-4D97-AF65-F5344CB8AC3E}">
        <p14:creationId xmlns:p14="http://schemas.microsoft.com/office/powerpoint/2010/main" val="3854538129"/>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76" Type="http://schemas.openxmlformats.org/officeDocument/2006/relationships/tags" Target="../tags/tag2.xml"/><Relationship Id="rId84" Type="http://schemas.openxmlformats.org/officeDocument/2006/relationships/tags" Target="../tags/tag10.xml"/><Relationship Id="rId89" Type="http://schemas.openxmlformats.org/officeDocument/2006/relationships/tags" Target="../tags/tag15.xml"/><Relationship Id="rId97" Type="http://schemas.openxmlformats.org/officeDocument/2006/relationships/tags" Target="../tags/tag23.xml"/><Relationship Id="rId7" Type="http://schemas.openxmlformats.org/officeDocument/2006/relationships/slideLayout" Target="../slideLayouts/slideLayout7.xml"/><Relationship Id="rId71" Type="http://schemas.openxmlformats.org/officeDocument/2006/relationships/slideLayout" Target="../slideLayouts/slideLayout71.xml"/><Relationship Id="rId92" Type="http://schemas.openxmlformats.org/officeDocument/2006/relationships/tags" Target="../tags/tag1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74" Type="http://schemas.openxmlformats.org/officeDocument/2006/relationships/theme" Target="../theme/theme1.xml"/><Relationship Id="rId79" Type="http://schemas.openxmlformats.org/officeDocument/2006/relationships/tags" Target="../tags/tag5.xml"/><Relationship Id="rId87" Type="http://schemas.openxmlformats.org/officeDocument/2006/relationships/tags" Target="../tags/tag13.xml"/><Relationship Id="rId5" Type="http://schemas.openxmlformats.org/officeDocument/2006/relationships/slideLayout" Target="../slideLayouts/slideLayout5.xml"/><Relationship Id="rId61" Type="http://schemas.openxmlformats.org/officeDocument/2006/relationships/slideLayout" Target="../slideLayouts/slideLayout61.xml"/><Relationship Id="rId82" Type="http://schemas.openxmlformats.org/officeDocument/2006/relationships/tags" Target="../tags/tag8.xml"/><Relationship Id="rId90" Type="http://schemas.openxmlformats.org/officeDocument/2006/relationships/tags" Target="../tags/tag16.xml"/><Relationship Id="rId95" Type="http://schemas.openxmlformats.org/officeDocument/2006/relationships/tags" Target="../tags/tag2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77" Type="http://schemas.openxmlformats.org/officeDocument/2006/relationships/tags" Target="../tags/tag3.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80" Type="http://schemas.openxmlformats.org/officeDocument/2006/relationships/tags" Target="../tags/tag6.xml"/><Relationship Id="rId85" Type="http://schemas.openxmlformats.org/officeDocument/2006/relationships/tags" Target="../tags/tag11.xml"/><Relationship Id="rId93" Type="http://schemas.openxmlformats.org/officeDocument/2006/relationships/tags" Target="../tags/tag19.xml"/><Relationship Id="rId98" Type="http://schemas.openxmlformats.org/officeDocument/2006/relationships/image" Target="../media/image1.png"/><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tags" Target="../tags/tag1.xml"/><Relationship Id="rId83" Type="http://schemas.openxmlformats.org/officeDocument/2006/relationships/tags" Target="../tags/tag9.xml"/><Relationship Id="rId88" Type="http://schemas.openxmlformats.org/officeDocument/2006/relationships/tags" Target="../tags/tag14.xml"/><Relationship Id="rId91" Type="http://schemas.openxmlformats.org/officeDocument/2006/relationships/tags" Target="../tags/tag17.xml"/><Relationship Id="rId96" Type="http://schemas.openxmlformats.org/officeDocument/2006/relationships/tags" Target="../tags/tag2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tags" Target="../tags/tag4.xml"/><Relationship Id="rId81" Type="http://schemas.openxmlformats.org/officeDocument/2006/relationships/tags" Target="../tags/tag7.xml"/><Relationship Id="rId86" Type="http://schemas.openxmlformats.org/officeDocument/2006/relationships/tags" Target="../tags/tag12.xml"/><Relationship Id="rId94" Type="http://schemas.openxmlformats.org/officeDocument/2006/relationships/tags" Target="../tags/tag20.xml"/><Relationship Id="rId99" Type="http://schemas.openxmlformats.org/officeDocument/2006/relationships/image" Target="../media/image2.svg"/><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Pr>
        <a:solidFill>
          <a:schemeClr val="bg1"/>
        </a:solidFill>
        <a:effectLst/>
      </p:bgPr>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375294" y="1557338"/>
            <a:ext cx="7589837" cy="4386263"/>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p>
          <a:p>
            <a:pPr lvl="2"/>
            <a:r>
              <a:rPr lang="en-US" noProof="0" dirty="0"/>
              <a:t>Level 3</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75294" y="326553"/>
            <a:ext cx="7589836" cy="1047306"/>
          </a:xfrm>
          <a:prstGeom prst="rect">
            <a:avLst/>
          </a:prstGeom>
        </p:spPr>
        <p:txBody>
          <a:bodyPr vert="horz" lIns="0" tIns="0" rIns="0" bIns="0" rtlCol="0" anchor="t" anchorCtr="0">
            <a:noAutofit/>
          </a:bodyPr>
          <a:lstStyle/>
          <a:p>
            <a:r>
              <a:rPr lang="en-US" dirty="0"/>
              <a:t>Click to add title</a:t>
            </a:r>
          </a:p>
        </p:txBody>
      </p:sp>
      <p:sp>
        <p:nvSpPr>
          <p:cNvPr id="6" name="C" hidden="1">
            <a:extLst>
              <a:ext uri="{FF2B5EF4-FFF2-40B4-BE49-F238E27FC236}">
                <a16:creationId xmlns:a16="http://schemas.microsoft.com/office/drawing/2014/main" id="{1C4B9106-8C42-4FD6-BE41-D1A11D08B0DE}"/>
              </a:ext>
            </a:extLst>
          </p:cNvPr>
          <p:cNvSpPr/>
          <p:nvPr userDrawn="1">
            <p:custDataLst>
              <p:tags r:id="rId75"/>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hidden="1">
            <a:extLst>
              <a:ext uri="{FF2B5EF4-FFF2-40B4-BE49-F238E27FC236}">
                <a16:creationId xmlns:a16="http://schemas.microsoft.com/office/drawing/2014/main" id="{881042B9-FC01-4F98-ACD8-49BC2F3E922C}"/>
              </a:ext>
            </a:extLst>
          </p:cNvPr>
          <p:cNvSpPr/>
          <p:nvPr userDrawn="1">
            <p:custDataLst>
              <p:tags r:id="rId76"/>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hidden="1">
            <a:extLst>
              <a:ext uri="{FF2B5EF4-FFF2-40B4-BE49-F238E27FC236}">
                <a16:creationId xmlns:a16="http://schemas.microsoft.com/office/drawing/2014/main" id="{59C7C277-9424-433C-8660-29713F1B7FB3}"/>
              </a:ext>
            </a:extLst>
          </p:cNvPr>
          <p:cNvSpPr/>
          <p:nvPr userDrawn="1">
            <p:custDataLst>
              <p:tags r:id="rId77"/>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hidden="1">
            <a:extLst>
              <a:ext uri="{FF2B5EF4-FFF2-40B4-BE49-F238E27FC236}">
                <a16:creationId xmlns:a16="http://schemas.microsoft.com/office/drawing/2014/main" id="{AD6D570A-8EAB-4316-A81F-BA83274CE3DF}"/>
              </a:ext>
            </a:extLst>
          </p:cNvPr>
          <p:cNvSpPr/>
          <p:nvPr userDrawn="1">
            <p:custDataLst>
              <p:tags r:id="rId78"/>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hidden="1">
            <a:extLst>
              <a:ext uri="{FF2B5EF4-FFF2-40B4-BE49-F238E27FC236}">
                <a16:creationId xmlns:a16="http://schemas.microsoft.com/office/drawing/2014/main" id="{AF9B7D13-D0E0-4CE3-8CA5-02630940ED38}"/>
              </a:ext>
            </a:extLst>
          </p:cNvPr>
          <p:cNvSpPr/>
          <p:nvPr userDrawn="1">
            <p:custDataLst>
              <p:tags r:id="rId79"/>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hidden="1">
            <a:extLst>
              <a:ext uri="{FF2B5EF4-FFF2-40B4-BE49-F238E27FC236}">
                <a16:creationId xmlns:a16="http://schemas.microsoft.com/office/drawing/2014/main" id="{033FDCAC-185D-4077-BE01-7E2E533BA124}"/>
              </a:ext>
            </a:extLst>
          </p:cNvPr>
          <p:cNvSpPr/>
          <p:nvPr userDrawn="1">
            <p:custDataLst>
              <p:tags r:id="rId80"/>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hidden="1">
            <a:extLst>
              <a:ext uri="{FF2B5EF4-FFF2-40B4-BE49-F238E27FC236}">
                <a16:creationId xmlns:a16="http://schemas.microsoft.com/office/drawing/2014/main" id="{59D95ABC-476B-43DD-B11D-841FD1CCCE12}"/>
              </a:ext>
            </a:extLst>
          </p:cNvPr>
          <p:cNvSpPr/>
          <p:nvPr userDrawn="1">
            <p:custDataLst>
              <p:tags r:id="rId81"/>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hidden="1">
            <a:extLst>
              <a:ext uri="{FF2B5EF4-FFF2-40B4-BE49-F238E27FC236}">
                <a16:creationId xmlns:a16="http://schemas.microsoft.com/office/drawing/2014/main" id="{5786BE75-81AB-4139-B2E5-FC8F4EB28B66}"/>
              </a:ext>
            </a:extLst>
          </p:cNvPr>
          <p:cNvSpPr/>
          <p:nvPr userDrawn="1">
            <p:custDataLst>
              <p:tags r:id="rId82"/>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hidden="1">
            <a:extLst>
              <a:ext uri="{FF2B5EF4-FFF2-40B4-BE49-F238E27FC236}">
                <a16:creationId xmlns:a16="http://schemas.microsoft.com/office/drawing/2014/main" id="{129A9A3B-B084-4187-8ACA-4F0D6C08FE4E}"/>
              </a:ext>
            </a:extLst>
          </p:cNvPr>
          <p:cNvSpPr/>
          <p:nvPr userDrawn="1">
            <p:custDataLst>
              <p:tags r:id="rId83"/>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hidden="1">
            <a:extLst>
              <a:ext uri="{FF2B5EF4-FFF2-40B4-BE49-F238E27FC236}">
                <a16:creationId xmlns:a16="http://schemas.microsoft.com/office/drawing/2014/main" id="{DEC24EF5-2922-409A-98A1-4BE1189C8532}"/>
              </a:ext>
            </a:extLst>
          </p:cNvPr>
          <p:cNvSpPr/>
          <p:nvPr userDrawn="1">
            <p:custDataLst>
              <p:tags r:id="rId84"/>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hidden="1">
            <a:extLst>
              <a:ext uri="{FF2B5EF4-FFF2-40B4-BE49-F238E27FC236}">
                <a16:creationId xmlns:a16="http://schemas.microsoft.com/office/drawing/2014/main" id="{9E90051A-07FE-4055-B29A-3240854D0EDD}"/>
              </a:ext>
            </a:extLst>
          </p:cNvPr>
          <p:cNvSpPr/>
          <p:nvPr userDrawn="1">
            <p:custDataLst>
              <p:tags r:id="rId85"/>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hidden="1">
            <a:extLst>
              <a:ext uri="{FF2B5EF4-FFF2-40B4-BE49-F238E27FC236}">
                <a16:creationId xmlns:a16="http://schemas.microsoft.com/office/drawing/2014/main" id="{A3700F78-6579-4287-82B2-6DFA45008FBC}"/>
              </a:ext>
            </a:extLst>
          </p:cNvPr>
          <p:cNvSpPr/>
          <p:nvPr userDrawn="1">
            <p:custDataLst>
              <p:tags r:id="rId86"/>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hidden="1">
            <a:extLst>
              <a:ext uri="{FF2B5EF4-FFF2-40B4-BE49-F238E27FC236}">
                <a16:creationId xmlns:a16="http://schemas.microsoft.com/office/drawing/2014/main" id="{1DA00B94-1AAF-46A9-9411-BB34A0426C6A}"/>
              </a:ext>
            </a:extLst>
          </p:cNvPr>
          <p:cNvSpPr/>
          <p:nvPr userDrawn="1">
            <p:custDataLst>
              <p:tags r:id="rId87"/>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hidden="1">
            <a:extLst>
              <a:ext uri="{FF2B5EF4-FFF2-40B4-BE49-F238E27FC236}">
                <a16:creationId xmlns:a16="http://schemas.microsoft.com/office/drawing/2014/main" id="{ECDF4EC4-C654-4CC0-A697-7C7F76265642}"/>
              </a:ext>
            </a:extLst>
          </p:cNvPr>
          <p:cNvSpPr/>
          <p:nvPr userDrawn="1">
            <p:custDataLst>
              <p:tags r:id="rId88"/>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hidden="1">
            <a:extLst>
              <a:ext uri="{FF2B5EF4-FFF2-40B4-BE49-F238E27FC236}">
                <a16:creationId xmlns:a16="http://schemas.microsoft.com/office/drawing/2014/main" id="{6A79D1EE-D920-468B-9064-1E73DB948D90}"/>
              </a:ext>
            </a:extLst>
          </p:cNvPr>
          <p:cNvSpPr/>
          <p:nvPr userDrawn="1">
            <p:custDataLst>
              <p:tags r:id="rId89"/>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hidden="1">
            <a:extLst>
              <a:ext uri="{FF2B5EF4-FFF2-40B4-BE49-F238E27FC236}">
                <a16:creationId xmlns:a16="http://schemas.microsoft.com/office/drawing/2014/main" id="{B375DE0F-1FC3-4AAD-B356-C9A3A482C506}"/>
              </a:ext>
            </a:extLst>
          </p:cNvPr>
          <p:cNvSpPr/>
          <p:nvPr userDrawn="1">
            <p:custDataLst>
              <p:tags r:id="rId90"/>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hidden="1">
            <a:extLst>
              <a:ext uri="{FF2B5EF4-FFF2-40B4-BE49-F238E27FC236}">
                <a16:creationId xmlns:a16="http://schemas.microsoft.com/office/drawing/2014/main" id="{82A4A22E-F58E-400A-BF42-0B345083C2DA}"/>
              </a:ext>
            </a:extLst>
          </p:cNvPr>
          <p:cNvSpPr/>
          <p:nvPr userDrawn="1">
            <p:custDataLst>
              <p:tags r:id="rId91"/>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hidden="1">
            <a:extLst>
              <a:ext uri="{FF2B5EF4-FFF2-40B4-BE49-F238E27FC236}">
                <a16:creationId xmlns:a16="http://schemas.microsoft.com/office/drawing/2014/main" id="{18F2331C-BB65-4FCB-BB33-C3286B6868D4}"/>
              </a:ext>
            </a:extLst>
          </p:cNvPr>
          <p:cNvSpPr/>
          <p:nvPr userDrawn="1">
            <p:custDataLst>
              <p:tags r:id="rId92"/>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hidden="1">
            <a:extLst>
              <a:ext uri="{FF2B5EF4-FFF2-40B4-BE49-F238E27FC236}">
                <a16:creationId xmlns:a16="http://schemas.microsoft.com/office/drawing/2014/main" id="{0B31BD39-E957-4B61-99A5-4BA424B9346E}"/>
              </a:ext>
            </a:extLst>
          </p:cNvPr>
          <p:cNvSpPr/>
          <p:nvPr userDrawn="1">
            <p:custDataLst>
              <p:tags r:id="rId93"/>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hidden="1">
            <a:extLst>
              <a:ext uri="{FF2B5EF4-FFF2-40B4-BE49-F238E27FC236}">
                <a16:creationId xmlns:a16="http://schemas.microsoft.com/office/drawing/2014/main" id="{51C7EEDE-B06B-4A00-9549-E9285576C892}"/>
              </a:ext>
            </a:extLst>
          </p:cNvPr>
          <p:cNvSpPr/>
          <p:nvPr userDrawn="1">
            <p:custDataLst>
              <p:tags r:id="rId94"/>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hidden="1">
            <a:extLst>
              <a:ext uri="{FF2B5EF4-FFF2-40B4-BE49-F238E27FC236}">
                <a16:creationId xmlns:a16="http://schemas.microsoft.com/office/drawing/2014/main" id="{346FE888-2B04-40EA-9D03-3CBF808A53C4}"/>
              </a:ext>
            </a:extLst>
          </p:cNvPr>
          <p:cNvSpPr/>
          <p:nvPr userDrawn="1">
            <p:custDataLst>
              <p:tags r:id="rId95"/>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hidden="1">
            <a:extLst>
              <a:ext uri="{FF2B5EF4-FFF2-40B4-BE49-F238E27FC236}">
                <a16:creationId xmlns:a16="http://schemas.microsoft.com/office/drawing/2014/main" id="{8ED580F1-63D4-4934-8F07-895D75D68EFC}"/>
              </a:ext>
            </a:extLst>
          </p:cNvPr>
          <p:cNvSpPr/>
          <p:nvPr userDrawn="1">
            <p:custDataLst>
              <p:tags r:id="rId96"/>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hidden="1">
            <a:extLst>
              <a:ext uri="{FF2B5EF4-FFF2-40B4-BE49-F238E27FC236}">
                <a16:creationId xmlns:a16="http://schemas.microsoft.com/office/drawing/2014/main" id="{64E6E6C5-4F17-4E72-A63A-4DC01755A9FF}"/>
              </a:ext>
            </a:extLst>
          </p:cNvPr>
          <p:cNvSpPr/>
          <p:nvPr userDrawn="1">
            <p:custDataLst>
              <p:tags r:id="rId97"/>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pic>
        <p:nvPicPr>
          <p:cNvPr id="4" name="Graphic 3">
            <a:extLst>
              <a:ext uri="{FF2B5EF4-FFF2-40B4-BE49-F238E27FC236}">
                <a16:creationId xmlns:a16="http://schemas.microsoft.com/office/drawing/2014/main" id="{7B42BD9B-B48C-D2C5-5417-8DA04DA7FA75}"/>
              </a:ext>
            </a:extLst>
          </p:cNvPr>
          <p:cNvPicPr>
            <a:picLocks noChangeAspect="1"/>
          </p:cNvPicPr>
          <p:nvPr userDrawn="1"/>
        </p:nvPicPr>
        <p:blipFill>
          <a:blip r:embed="rId98" cstate="hqprint">
            <a:extLst>
              <a:ext uri="{28A0092B-C50C-407E-A947-70E740481C1C}">
                <a14:useLocalDpi xmlns:a14="http://schemas.microsoft.com/office/drawing/2010/main" val="0"/>
              </a:ext>
              <a:ext uri="{96DAC541-7B7A-43D3-8B79-37D633B846F1}">
                <asvg:svgBlip xmlns:asvg="http://schemas.microsoft.com/office/drawing/2016/SVG/main" r:embed="rId99"/>
              </a:ext>
            </a:extLst>
          </a:blip>
          <a:stretch>
            <a:fillRect/>
          </a:stretch>
        </p:blipFill>
        <p:spPr>
          <a:xfrm>
            <a:off x="350154" y="6335818"/>
            <a:ext cx="1498874" cy="249812"/>
          </a:xfrm>
          <a:prstGeom prst="rect">
            <a:avLst/>
          </a:prstGeom>
        </p:spPr>
      </p:pic>
      <p:sp>
        <p:nvSpPr>
          <p:cNvPr id="2" name="Date Placeholder 4">
            <a:extLst>
              <a:ext uri="{FF2B5EF4-FFF2-40B4-BE49-F238E27FC236}">
                <a16:creationId xmlns:a16="http://schemas.microsoft.com/office/drawing/2014/main" id="{235E4ABD-2AE8-93EE-B8F8-B753E58D767D}"/>
              </a:ext>
            </a:extLst>
          </p:cNvPr>
          <p:cNvSpPr>
            <a:spLocks noGrp="1"/>
          </p:cNvSpPr>
          <p:nvPr>
            <p:ph type="dt" sz="half" idx="2"/>
          </p:nvPr>
        </p:nvSpPr>
        <p:spPr>
          <a:xfrm>
            <a:off x="9668619" y="6357030"/>
            <a:ext cx="1498874" cy="180000"/>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C236AAC1-767B-004E-B99D-B7AF7E2776A8}" type="datetime1">
              <a:rPr lang="en-US" smtClean="0"/>
              <a:pPr/>
              <a:t>2/5/2024</a:t>
            </a:fld>
            <a:endParaRPr lang="en-US" dirty="0"/>
          </a:p>
        </p:txBody>
      </p:sp>
      <p:sp>
        <p:nvSpPr>
          <p:cNvPr id="5" name="Slide Number Placeholder 12">
            <a:extLst>
              <a:ext uri="{FF2B5EF4-FFF2-40B4-BE49-F238E27FC236}">
                <a16:creationId xmlns:a16="http://schemas.microsoft.com/office/drawing/2014/main" id="{5BC903BC-D9C6-8344-3DEA-F52F8D5DDC21}"/>
              </a:ext>
            </a:extLst>
          </p:cNvPr>
          <p:cNvSpPr>
            <a:spLocks noGrp="1"/>
          </p:cNvSpPr>
          <p:nvPr>
            <p:ph type="sldNum" sz="quarter" idx="4"/>
          </p:nvPr>
        </p:nvSpPr>
        <p:spPr>
          <a:xfrm>
            <a:off x="11387412" y="6367208"/>
            <a:ext cx="447400" cy="178736"/>
          </a:xfrm>
          <a:prstGeom prst="rect">
            <a:avLst/>
          </a:prstGeom>
        </p:spPr>
        <p:txBody>
          <a:bodyPr/>
          <a:lstStyle>
            <a:lvl1pPr algn="r">
              <a:defRPr sz="800">
                <a:solidFill>
                  <a:schemeClr val="accent3"/>
                </a:solidFill>
                <a:latin typeface="Consolas" panose="020B0609020204030204" pitchFamily="49" charset="0"/>
                <a:cs typeface="Consolas" panose="020B0609020204030204" pitchFamily="49" charset="0"/>
              </a:defRPr>
            </a:lvl1pPr>
          </a:lstStyle>
          <a:p>
            <a:fld id="{23AA811B-2EBD-4900-905E-5BE206449611}" type="slidenum">
              <a:rPr lang="en-US" smtClean="0"/>
              <a:pPr/>
              <a:t>‹#›</a:t>
            </a:fld>
            <a:endParaRPr lang="en-US" dirty="0"/>
          </a:p>
        </p:txBody>
      </p:sp>
      <p:sp>
        <p:nvSpPr>
          <p:cNvPr id="8" name="text" descr="{&quot;templafy&quot;:{&quot;id&quot;:&quot;4dd46786-6585-4b25-b66e-c75e4e81da7d&quot;}}" title="Form.Cigna_Confidentiality.EvernorthConfidentiality">
            <a:extLst>
              <a:ext uri="{FF2B5EF4-FFF2-40B4-BE49-F238E27FC236}">
                <a16:creationId xmlns:a16="http://schemas.microsoft.com/office/drawing/2014/main" id="{2BCA2063-214F-DE5D-5576-46A8D323ACE3}"/>
              </a:ext>
            </a:extLst>
          </p:cNvPr>
          <p:cNvSpPr/>
          <p:nvPr userDrawn="1"/>
        </p:nvSpPr>
        <p:spPr>
          <a:xfrm>
            <a:off x="4243388" y="6335818"/>
            <a:ext cx="3278533"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820"/>
              </a:lnSpc>
            </a:pPr>
            <a:r>
              <a:rPr lang="en-US" sz="600" b="0" cap="all" baseline="0" dirty="0">
                <a:solidFill>
                  <a:schemeClr val="accent3"/>
                </a:solidFill>
                <a:effectLst/>
                <a:latin typeface="Consolas" panose="020B0609020204030204" pitchFamily="49" charset="0"/>
                <a:ea typeface="Arial" panose="020B0604020202020204" pitchFamily="34" charset="0"/>
                <a:cs typeface="Consolas" panose="020B0609020204030204" pitchFamily="49" charset="0"/>
              </a:rPr>
              <a:t>© 2023 Evernorth. ALL RIGHTS RESERVED. ALL PRODUCTS AND SERVICES ARE PROVIDED BY OR THROUGH OPERATING SUBSIDIARIES OR AFFILIATES OF EVERNORTH.</a:t>
            </a: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764" r:id="rId3"/>
    <p:sldLayoutId id="2147483795" r:id="rId4"/>
    <p:sldLayoutId id="2147483731" r:id="rId5"/>
    <p:sldLayoutId id="2147483796" r:id="rId6"/>
    <p:sldLayoutId id="2147483797" r:id="rId7"/>
    <p:sldLayoutId id="2147483798" r:id="rId8"/>
    <p:sldLayoutId id="2147483799" r:id="rId9"/>
    <p:sldLayoutId id="2147483845" r:id="rId10"/>
    <p:sldLayoutId id="2147483737" r:id="rId11"/>
    <p:sldLayoutId id="2147483800" r:id="rId12"/>
    <p:sldLayoutId id="2147483801" r:id="rId13"/>
    <p:sldLayoutId id="2147483853" r:id="rId14"/>
    <p:sldLayoutId id="2147483802" r:id="rId15"/>
    <p:sldLayoutId id="2147483828" r:id="rId16"/>
    <p:sldLayoutId id="2147483829" r:id="rId17"/>
    <p:sldLayoutId id="2147483858" r:id="rId18"/>
    <p:sldLayoutId id="2147483832" r:id="rId19"/>
    <p:sldLayoutId id="2147483834" r:id="rId20"/>
    <p:sldLayoutId id="2147483833" r:id="rId21"/>
    <p:sldLayoutId id="2147483859" r:id="rId22"/>
    <p:sldLayoutId id="2147483803" r:id="rId23"/>
    <p:sldLayoutId id="2147483804" r:id="rId24"/>
    <p:sldLayoutId id="2147483830" r:id="rId25"/>
    <p:sldLayoutId id="2147483831" r:id="rId26"/>
    <p:sldLayoutId id="2147483851" r:id="rId27"/>
    <p:sldLayoutId id="2147483854" r:id="rId28"/>
    <p:sldLayoutId id="2147483855" r:id="rId29"/>
    <p:sldLayoutId id="2147483807" r:id="rId30"/>
    <p:sldLayoutId id="2147483809" r:id="rId31"/>
    <p:sldLayoutId id="2147483844" r:id="rId32"/>
    <p:sldLayoutId id="2147483822" r:id="rId33"/>
    <p:sldLayoutId id="2147483810" r:id="rId34"/>
    <p:sldLayoutId id="2147483811" r:id="rId35"/>
    <p:sldLayoutId id="2147483835" r:id="rId36"/>
    <p:sldLayoutId id="2147483836" r:id="rId37"/>
    <p:sldLayoutId id="2147483818" r:id="rId38"/>
    <p:sldLayoutId id="2147483826" r:id="rId39"/>
    <p:sldLayoutId id="2147483838" r:id="rId40"/>
    <p:sldLayoutId id="2147483856" r:id="rId41"/>
    <p:sldLayoutId id="2147483839" r:id="rId42"/>
    <p:sldLayoutId id="2147483840" r:id="rId43"/>
    <p:sldLayoutId id="2147483837" r:id="rId44"/>
    <p:sldLayoutId id="2147483812" r:id="rId45"/>
    <p:sldLayoutId id="2147483813" r:id="rId46"/>
    <p:sldLayoutId id="2147483842" r:id="rId47"/>
    <p:sldLayoutId id="2147483857" r:id="rId48"/>
    <p:sldLayoutId id="2147483843" r:id="rId49"/>
    <p:sldLayoutId id="2147483850" r:id="rId50"/>
    <p:sldLayoutId id="2147483814" r:id="rId51"/>
    <p:sldLayoutId id="2147483815" r:id="rId52"/>
    <p:sldLayoutId id="2147483841" r:id="rId53"/>
    <p:sldLayoutId id="2147483846" r:id="rId54"/>
    <p:sldLayoutId id="2147483847" r:id="rId55"/>
    <p:sldLayoutId id="2147483848" r:id="rId56"/>
    <p:sldLayoutId id="2147483849" r:id="rId57"/>
    <p:sldLayoutId id="2147483860" r:id="rId58"/>
    <p:sldLayoutId id="2147483827" r:id="rId59"/>
    <p:sldLayoutId id="2147483862" r:id="rId60"/>
    <p:sldLayoutId id="2147483863" r:id="rId61"/>
    <p:sldLayoutId id="2147483868" r:id="rId62"/>
    <p:sldLayoutId id="2147483869" r:id="rId63"/>
    <p:sldLayoutId id="2147483874" r:id="rId64"/>
    <p:sldLayoutId id="2147483875" r:id="rId65"/>
    <p:sldLayoutId id="2147483877" r:id="rId66"/>
    <p:sldLayoutId id="2147483878" r:id="rId67"/>
    <p:sldLayoutId id="2147483880" r:id="rId68"/>
    <p:sldLayoutId id="2147483881" r:id="rId69"/>
    <p:sldLayoutId id="2147483882" r:id="rId70"/>
    <p:sldLayoutId id="2147483883" r:id="rId71"/>
    <p:sldLayoutId id="2147483884" r:id="rId72"/>
    <p:sldLayoutId id="2147483885" r:id="rId73"/>
  </p:sldLayoutIdLst>
  <p:hf hdr="0" ftr="0"/>
  <p:txStyles>
    <p:titleStyle>
      <a:lvl1pPr algn="l" defTabSz="914400" rtl="0" eaLnBrk="1" latinLnBrk="0" hangingPunct="1">
        <a:lnSpc>
          <a:spcPct val="100000"/>
        </a:lnSpc>
        <a:spcBef>
          <a:spcPct val="0"/>
        </a:spcBef>
        <a:buNone/>
        <a:defRPr sz="2800" b="1" kern="1200">
          <a:solidFill>
            <a:schemeClr val="accent3"/>
          </a:solidFill>
          <a:latin typeface="+mj-lt"/>
          <a:ea typeface="+mj-ea"/>
          <a:cs typeface="+mj-cs"/>
        </a:defRPr>
      </a:lvl1pPr>
    </p:titleStyle>
    <p:bodyStyle>
      <a:lvl1pPr marL="180975" indent="-180975" algn="l" defTabSz="914400" rtl="0" eaLnBrk="1" latinLnBrk="0" hangingPunct="1">
        <a:lnSpc>
          <a:spcPct val="90000"/>
        </a:lnSpc>
        <a:spcBef>
          <a:spcPts val="300"/>
        </a:spcBef>
        <a:spcAft>
          <a:spcPts val="600"/>
        </a:spcAft>
        <a:buSzPct val="90000"/>
        <a:buFont typeface="System Font Regular"/>
        <a:buChar char="+"/>
        <a:tabLst/>
        <a:defRPr sz="2000" kern="1200">
          <a:solidFill>
            <a:schemeClr val="tx2"/>
          </a:solidFill>
          <a:latin typeface="+mn-lt"/>
          <a:ea typeface="+mn-ea"/>
          <a:cs typeface="+mn-cs"/>
        </a:defRPr>
      </a:lvl1pPr>
      <a:lvl2pPr marL="401638" indent="-168275" algn="l" defTabSz="914400" rtl="0" eaLnBrk="1" latinLnBrk="0" hangingPunct="1">
        <a:lnSpc>
          <a:spcPct val="90000"/>
        </a:lnSpc>
        <a:spcBef>
          <a:spcPts val="300"/>
        </a:spcBef>
        <a:spcAft>
          <a:spcPts val="600"/>
        </a:spcAft>
        <a:buSzPct val="90000"/>
        <a:buFont typeface="System Font Regular"/>
        <a:buChar char="+"/>
        <a:tabLst/>
        <a:defRPr sz="1800" kern="1200">
          <a:solidFill>
            <a:schemeClr val="tx2"/>
          </a:solidFill>
          <a:latin typeface="+mn-lt"/>
          <a:ea typeface="+mn-ea"/>
          <a:cs typeface="+mn-cs"/>
        </a:defRPr>
      </a:lvl2pPr>
      <a:lvl3pPr marL="635000" indent="-176213" algn="l" defTabSz="914400" rtl="0" eaLnBrk="1" latinLnBrk="0" hangingPunct="1">
        <a:lnSpc>
          <a:spcPct val="90000"/>
        </a:lnSpc>
        <a:spcBef>
          <a:spcPts val="300"/>
        </a:spcBef>
        <a:spcAft>
          <a:spcPts val="600"/>
        </a:spcAft>
        <a:buSzPct val="90000"/>
        <a:buFont typeface="System Font Regular"/>
        <a:buChar char="+"/>
        <a:tabLst/>
        <a:defRPr sz="1600" kern="1200">
          <a:solidFill>
            <a:schemeClr val="tx2"/>
          </a:solidFill>
          <a:latin typeface="+mn-lt"/>
          <a:ea typeface="+mn-ea"/>
          <a:cs typeface="+mn-cs"/>
        </a:defRPr>
      </a:lvl3pPr>
      <a:lvl4pPr marL="0" indent="0" algn="l" defTabSz="914400" rtl="0" eaLnBrk="1" latinLnBrk="0" hangingPunct="1">
        <a:lnSpc>
          <a:spcPct val="90000"/>
        </a:lnSpc>
        <a:spcBef>
          <a:spcPts val="300"/>
        </a:spcBef>
        <a:spcAft>
          <a:spcPts val="1200"/>
        </a:spcAft>
        <a:buFont typeface="System Font Regular"/>
        <a:buNone/>
        <a:defRPr sz="2000" b="1" kern="1200">
          <a:solidFill>
            <a:schemeClr val="tx2"/>
          </a:solidFill>
          <a:latin typeface="+mn-lt"/>
          <a:ea typeface="+mn-ea"/>
          <a:cs typeface="+mn-cs"/>
        </a:defRPr>
      </a:lvl4pPr>
      <a:lvl5pPr marL="0" indent="0" algn="l" defTabSz="914400" rtl="0" eaLnBrk="1" latinLnBrk="0" hangingPunct="1">
        <a:lnSpc>
          <a:spcPct val="90000"/>
        </a:lnSpc>
        <a:spcBef>
          <a:spcPts val="300"/>
        </a:spcBef>
        <a:spcAft>
          <a:spcPts val="1200"/>
        </a:spcAft>
        <a:buFont typeface="Arial" panose="020B0604020202020204" pitchFamily="34" charset="0"/>
        <a:buChar char="​"/>
        <a:tabLst/>
        <a:defRPr sz="2000" kern="1200">
          <a:solidFill>
            <a:schemeClr val="tx2"/>
          </a:solidFill>
          <a:latin typeface="+mn-lt"/>
          <a:ea typeface="+mn-ea"/>
          <a:cs typeface="+mn-cs"/>
        </a:defRPr>
      </a:lvl5pPr>
      <a:lvl6pPr marL="117475" indent="-117475" algn="l" defTabSz="914400" rtl="0" eaLnBrk="1" latinLnBrk="0" hangingPunct="1">
        <a:lnSpc>
          <a:spcPct val="100000"/>
        </a:lnSpc>
        <a:spcBef>
          <a:spcPts val="300"/>
        </a:spcBef>
        <a:spcAft>
          <a:spcPts val="600"/>
        </a:spcAft>
        <a:buFont typeface="System Font Regular"/>
        <a:buChar char="+"/>
        <a:tabLst/>
        <a:defRPr sz="1000" kern="1200">
          <a:solidFill>
            <a:schemeClr val="tx2"/>
          </a:solidFill>
          <a:latin typeface="+mn-lt"/>
          <a:ea typeface="+mn-ea"/>
          <a:cs typeface="+mn-cs"/>
        </a:defRPr>
      </a:lvl6pPr>
      <a:lvl7pPr marL="0" indent="0" algn="l" defTabSz="914400" rtl="0" eaLnBrk="1" latinLnBrk="0" hangingPunct="1">
        <a:lnSpc>
          <a:spcPct val="100000"/>
        </a:lnSpc>
        <a:spcBef>
          <a:spcPts val="300"/>
        </a:spcBef>
        <a:spcAft>
          <a:spcPts val="600"/>
        </a:spcAft>
        <a:buFont typeface="Arial" panose="020B060402020202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6000" b="1" kern="1200" spc="-150" baseline="0">
          <a:solidFill>
            <a:schemeClr val="tx2"/>
          </a:solidFill>
          <a:latin typeface="Arial Black" panose="020B0A04020102020204" pitchFamily="34" charset="0"/>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725" userDrawn="1">
          <p15:clr>
            <a:srgbClr val="F26B43"/>
          </p15:clr>
        </p15:guide>
        <p15:guide id="4" orient="horz" pos="4093" userDrawn="1">
          <p15:clr>
            <a:srgbClr val="F26B43"/>
          </p15:clr>
        </p15:guide>
        <p15:guide id="6" pos="4394" userDrawn="1">
          <p15:clr>
            <a:srgbClr val="F26B43"/>
          </p15:clr>
        </p15:guide>
        <p15:guide id="7" pos="838" userDrawn="1">
          <p15:clr>
            <a:srgbClr val="F26B43"/>
          </p15:clr>
        </p15:guide>
        <p15:guide id="9" pos="2673" userDrawn="1">
          <p15:clr>
            <a:srgbClr val="F26B43"/>
          </p15:clr>
        </p15:guide>
        <p15:guide id="10" pos="3171" userDrawn="1">
          <p15:clr>
            <a:srgbClr val="F26B43"/>
          </p15:clr>
        </p15:guide>
        <p15:guide id="11" pos="6229" userDrawn="1">
          <p15:clr>
            <a:srgbClr val="F26B43"/>
          </p15:clr>
        </p15:guide>
        <p15:guide id="13" pos="6840" userDrawn="1">
          <p15:clr>
            <a:srgbClr val="F26B43"/>
          </p15:clr>
        </p15:guide>
        <p15:guide id="16" pos="5120" userDrawn="1">
          <p15:clr>
            <a:srgbClr val="F26B43"/>
          </p15:clr>
        </p15:guide>
        <p15:guide id="17" pos="3285" userDrawn="1">
          <p15:clr>
            <a:srgbClr val="F26B43"/>
          </p15:clr>
        </p15:guide>
        <p15:guide id="18" pos="3784" userDrawn="1">
          <p15:clr>
            <a:srgbClr val="F26B43"/>
          </p15:clr>
        </p15:guide>
        <p15:guide id="20" pos="1948" userDrawn="1">
          <p15:clr>
            <a:srgbClr val="F26B43"/>
          </p15:clr>
        </p15:guide>
        <p15:guide id="21" pos="6952" userDrawn="1">
          <p15:clr>
            <a:srgbClr val="F26B43"/>
          </p15:clr>
        </p15:guide>
        <p15:guide id="22" pos="7451" userDrawn="1">
          <p15:clr>
            <a:srgbClr val="F26B43"/>
          </p15:clr>
        </p15:guide>
        <p15:guide id="23" pos="2061" userDrawn="1">
          <p15:clr>
            <a:srgbClr val="F26B43"/>
          </p15:clr>
        </p15:guide>
        <p15:guide id="24" pos="2560" userDrawn="1">
          <p15:clr>
            <a:srgbClr val="F26B43"/>
          </p15:clr>
        </p15:guide>
        <p15:guide id="26" pos="6342" userDrawn="1">
          <p15:clr>
            <a:srgbClr val="F26B43"/>
          </p15:clr>
        </p15:guide>
        <p15:guide id="28" pos="5006" userDrawn="1">
          <p15:clr>
            <a:srgbClr val="F26B43"/>
          </p15:clr>
        </p15:guide>
        <p15:guide id="29" pos="4507" userDrawn="1">
          <p15:clr>
            <a:srgbClr val="F26B43"/>
          </p15:clr>
        </p15:guide>
        <p15:guide id="30" pos="3897" userDrawn="1">
          <p15:clr>
            <a:srgbClr val="F26B43"/>
          </p15:clr>
        </p15:guide>
        <p15:guide id="31" pos="5731" userDrawn="1">
          <p15:clr>
            <a:srgbClr val="F26B43"/>
          </p15:clr>
        </p15:guide>
        <p15:guide id="32" pos="5617" userDrawn="1">
          <p15:clr>
            <a:srgbClr val="F26B43"/>
          </p15:clr>
        </p15:guide>
        <p15:guide id="33" pos="1337" userDrawn="1">
          <p15:clr>
            <a:srgbClr val="F26B43"/>
          </p15:clr>
        </p15:guide>
        <p15:guide id="34" pos="1451" userDrawn="1">
          <p15:clr>
            <a:srgbClr val="F26B43"/>
          </p15:clr>
        </p15:guide>
        <p15:guide id="35" orient="horz" pos="981" userDrawn="1">
          <p15:clr>
            <a:srgbClr val="F26B43"/>
          </p15:clr>
        </p15:guide>
        <p15:guide id="36" orient="horz" pos="3744" userDrawn="1">
          <p15:clr>
            <a:srgbClr val="F26B43"/>
          </p15:clr>
        </p15:guide>
        <p15:guide id="37" orient="horz" pos="2160" userDrawn="1">
          <p15:clr>
            <a:srgbClr val="F26B43"/>
          </p15:clr>
        </p15:guide>
        <p15:guide id="38" orient="horz" pos="200" userDrawn="1">
          <p15:clr>
            <a:srgbClr val="F26B43"/>
          </p15:clr>
        </p15:guide>
        <p15:guide id="39" orient="horz" pos="422"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10.xml"/><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11.xml"/><Relationship Id="rId1" Type="http://schemas.openxmlformats.org/officeDocument/2006/relationships/slideLayout" Target="../slideLayouts/slideLayout54.xml"/><Relationship Id="rId4" Type="http://schemas.openxmlformats.org/officeDocument/2006/relationships/image" Target="../media/image34.png"/></Relationships>
</file>

<file path=ppt/slides/_rels/slide12.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12.xml"/><Relationship Id="rId1" Type="http://schemas.openxmlformats.org/officeDocument/2006/relationships/slideLayout" Target="../slideLayouts/slideLayout54.xml"/><Relationship Id="rId4" Type="http://schemas.openxmlformats.org/officeDocument/2006/relationships/image" Target="../media/image35.png"/></Relationships>
</file>

<file path=ppt/slides/_rels/slide13.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13.xml"/><Relationship Id="rId1" Type="http://schemas.openxmlformats.org/officeDocument/2006/relationships/slideLayout" Target="../slideLayouts/slideLayout54.xml"/><Relationship Id="rId5" Type="http://schemas.openxmlformats.org/officeDocument/2006/relationships/image" Target="../media/image37.png"/><Relationship Id="rId4" Type="http://schemas.openxmlformats.org/officeDocument/2006/relationships/image" Target="../media/image36.png"/></Relationships>
</file>

<file path=ppt/slides/_rels/slide14.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14.xml"/><Relationship Id="rId1" Type="http://schemas.openxmlformats.org/officeDocument/2006/relationships/slideLayout" Target="../slideLayouts/slideLayout54.xml"/><Relationship Id="rId4" Type="http://schemas.openxmlformats.org/officeDocument/2006/relationships/image" Target="../media/image38.png"/></Relationships>
</file>

<file path=ppt/slides/_rels/slide15.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15.xml"/><Relationship Id="rId1" Type="http://schemas.openxmlformats.org/officeDocument/2006/relationships/slideLayout" Target="../slideLayouts/slideLayout54.xml"/><Relationship Id="rId4" Type="http://schemas.openxmlformats.org/officeDocument/2006/relationships/image" Target="../media/image39.png"/></Relationships>
</file>

<file path=ppt/slides/_rels/slide16.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16.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17.xml"/><Relationship Id="rId1" Type="http://schemas.openxmlformats.org/officeDocument/2006/relationships/slideLayout" Target="../slideLayouts/slideLayout68.xml"/><Relationship Id="rId4" Type="http://schemas.openxmlformats.org/officeDocument/2006/relationships/image" Target="../media/image26.png"/></Relationships>
</file>

<file path=ppt/slides/_rels/slide18.xml.rels><?xml version="1.0" encoding="UTF-8" standalone="yes"?>
<Relationships xmlns="http://schemas.openxmlformats.org/package/2006/relationships"><Relationship Id="rId8" Type="http://schemas.openxmlformats.org/officeDocument/2006/relationships/image" Target="../media/image46.png"/><Relationship Id="rId3" Type="http://schemas.openxmlformats.org/officeDocument/2006/relationships/image" Target="../media/image41.png"/><Relationship Id="rId7" Type="http://schemas.openxmlformats.org/officeDocument/2006/relationships/image" Target="../media/image45.png"/><Relationship Id="rId2" Type="http://schemas.openxmlformats.org/officeDocument/2006/relationships/notesSlide" Target="../notesSlides/notesSlide18.xml"/><Relationship Id="rId1" Type="http://schemas.openxmlformats.org/officeDocument/2006/relationships/slideLayout" Target="../slideLayouts/slideLayout68.xml"/><Relationship Id="rId6" Type="http://schemas.openxmlformats.org/officeDocument/2006/relationships/image" Target="../media/image44.png"/><Relationship Id="rId5" Type="http://schemas.openxmlformats.org/officeDocument/2006/relationships/image" Target="../media/image43.png"/><Relationship Id="rId4" Type="http://schemas.openxmlformats.org/officeDocument/2006/relationships/image" Target="../media/image42.png"/><Relationship Id="rId9" Type="http://schemas.openxmlformats.org/officeDocument/2006/relationships/image" Target="../media/image26.png"/></Relationships>
</file>

<file path=ppt/slides/_rels/slide19.xml.rels><?xml version="1.0" encoding="UTF-8" standalone="yes"?>
<Relationships xmlns="http://schemas.openxmlformats.org/package/2006/relationships"><Relationship Id="rId8" Type="http://schemas.openxmlformats.org/officeDocument/2006/relationships/image" Target="../media/image52.svg"/><Relationship Id="rId3" Type="http://schemas.openxmlformats.org/officeDocument/2006/relationships/image" Target="../media/image47.png"/><Relationship Id="rId7" Type="http://schemas.openxmlformats.org/officeDocument/2006/relationships/image" Target="../media/image51.png"/><Relationship Id="rId2" Type="http://schemas.openxmlformats.org/officeDocument/2006/relationships/notesSlide" Target="../notesSlides/notesSlide19.xml"/><Relationship Id="rId1" Type="http://schemas.openxmlformats.org/officeDocument/2006/relationships/slideLayout" Target="../slideLayouts/slideLayout68.xml"/><Relationship Id="rId6" Type="http://schemas.openxmlformats.org/officeDocument/2006/relationships/image" Target="../media/image50.svg"/><Relationship Id="rId5" Type="http://schemas.openxmlformats.org/officeDocument/2006/relationships/image" Target="../media/image49.png"/><Relationship Id="rId4" Type="http://schemas.openxmlformats.org/officeDocument/2006/relationships/image" Target="../media/image48.svg"/><Relationship Id="rId9" Type="http://schemas.openxmlformats.org/officeDocument/2006/relationships/image" Target="../media/image26.png"/></Relationships>
</file>

<file path=ppt/slides/_rels/slide2.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2.xml"/><Relationship Id="rId1" Type="http://schemas.openxmlformats.org/officeDocument/2006/relationships/slideLayout" Target="../slideLayouts/slideLayout69.xml"/><Relationship Id="rId4" Type="http://schemas.openxmlformats.org/officeDocument/2006/relationships/image" Target="../media/image27.png"/></Relationships>
</file>

<file path=ppt/slides/_rels/slide20.xml.rels><?xml version="1.0" encoding="UTF-8" standalone="yes"?>
<Relationships xmlns="http://schemas.openxmlformats.org/package/2006/relationships"><Relationship Id="rId8" Type="http://schemas.openxmlformats.org/officeDocument/2006/relationships/image" Target="../media/image46.png"/><Relationship Id="rId3" Type="http://schemas.openxmlformats.org/officeDocument/2006/relationships/image" Target="../media/image41.png"/><Relationship Id="rId7" Type="http://schemas.openxmlformats.org/officeDocument/2006/relationships/image" Target="../media/image45.png"/><Relationship Id="rId2" Type="http://schemas.openxmlformats.org/officeDocument/2006/relationships/notesSlide" Target="../notesSlides/notesSlide20.xml"/><Relationship Id="rId1" Type="http://schemas.openxmlformats.org/officeDocument/2006/relationships/slideLayout" Target="../slideLayouts/slideLayout68.xml"/><Relationship Id="rId6" Type="http://schemas.openxmlformats.org/officeDocument/2006/relationships/image" Target="../media/image44.png"/><Relationship Id="rId5" Type="http://schemas.openxmlformats.org/officeDocument/2006/relationships/image" Target="../media/image43.png"/><Relationship Id="rId4" Type="http://schemas.openxmlformats.org/officeDocument/2006/relationships/image" Target="../media/image42.png"/><Relationship Id="rId9" Type="http://schemas.openxmlformats.org/officeDocument/2006/relationships/image" Target="../media/image26.png"/></Relationships>
</file>

<file path=ppt/slides/_rels/slide21.xml.rels><?xml version="1.0" encoding="UTF-8" standalone="yes"?>
<Relationships xmlns="http://schemas.openxmlformats.org/package/2006/relationships"><Relationship Id="rId8" Type="http://schemas.openxmlformats.org/officeDocument/2006/relationships/image" Target="../media/image46.png"/><Relationship Id="rId3" Type="http://schemas.openxmlformats.org/officeDocument/2006/relationships/image" Target="../media/image41.png"/><Relationship Id="rId7" Type="http://schemas.openxmlformats.org/officeDocument/2006/relationships/image" Target="../media/image45.png"/><Relationship Id="rId2" Type="http://schemas.openxmlformats.org/officeDocument/2006/relationships/notesSlide" Target="../notesSlides/notesSlide21.xml"/><Relationship Id="rId1" Type="http://schemas.openxmlformats.org/officeDocument/2006/relationships/slideLayout" Target="../slideLayouts/slideLayout68.xml"/><Relationship Id="rId6" Type="http://schemas.openxmlformats.org/officeDocument/2006/relationships/image" Target="../media/image44.png"/><Relationship Id="rId11" Type="http://schemas.openxmlformats.org/officeDocument/2006/relationships/image" Target="../media/image48.svg"/><Relationship Id="rId5" Type="http://schemas.openxmlformats.org/officeDocument/2006/relationships/image" Target="../media/image43.png"/><Relationship Id="rId10" Type="http://schemas.openxmlformats.org/officeDocument/2006/relationships/image" Target="../media/image47.png"/><Relationship Id="rId4" Type="http://schemas.openxmlformats.org/officeDocument/2006/relationships/image" Target="../media/image42.png"/><Relationship Id="rId9" Type="http://schemas.openxmlformats.org/officeDocument/2006/relationships/image" Target="../media/image26.png"/></Relationships>
</file>

<file path=ppt/slides/_rels/slide22.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notesSlide" Target="../notesSlides/notesSlide22.xml"/><Relationship Id="rId1" Type="http://schemas.openxmlformats.org/officeDocument/2006/relationships/slideLayout" Target="../slideLayouts/slideLayout73.xml"/></Relationships>
</file>

<file path=ppt/slides/_rels/slide23.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23.xml"/><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24.xml"/><Relationship Id="rId1" Type="http://schemas.openxmlformats.org/officeDocument/2006/relationships/slideLayout" Target="../slideLayouts/slideLayout70.xml"/><Relationship Id="rId6" Type="http://schemas.openxmlformats.org/officeDocument/2006/relationships/image" Target="../media/image56.jpeg"/><Relationship Id="rId5" Type="http://schemas.openxmlformats.org/officeDocument/2006/relationships/image" Target="../media/image55.jpeg"/><Relationship Id="rId4" Type="http://schemas.openxmlformats.org/officeDocument/2006/relationships/image" Target="../media/image54.jpg"/></Relationships>
</file>

<file path=ppt/slides/_rels/slide25.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25.xml"/><Relationship Id="rId1" Type="http://schemas.openxmlformats.org/officeDocument/2006/relationships/slideLayout" Target="../slideLayouts/slideLayout70.xml"/><Relationship Id="rId4" Type="http://schemas.openxmlformats.org/officeDocument/2006/relationships/image" Target="../media/image26.png"/></Relationships>
</file>

<file path=ppt/slides/_rels/slide26.xml.rels><?xml version="1.0" encoding="UTF-8" standalone="yes"?>
<Relationships xmlns="http://schemas.openxmlformats.org/package/2006/relationships"><Relationship Id="rId3" Type="http://schemas.openxmlformats.org/officeDocument/2006/relationships/image" Target="../media/image26.png"/><Relationship Id="rId7" Type="http://schemas.openxmlformats.org/officeDocument/2006/relationships/image" Target="../media/image61.jpeg"/><Relationship Id="rId2" Type="http://schemas.openxmlformats.org/officeDocument/2006/relationships/notesSlide" Target="../notesSlides/notesSlide26.xml"/><Relationship Id="rId1" Type="http://schemas.openxmlformats.org/officeDocument/2006/relationships/slideLayout" Target="../slideLayouts/slideLayout70.xml"/><Relationship Id="rId6" Type="http://schemas.openxmlformats.org/officeDocument/2006/relationships/image" Target="../media/image60.jpeg"/><Relationship Id="rId5" Type="http://schemas.openxmlformats.org/officeDocument/2006/relationships/image" Target="../media/image59.jpeg"/><Relationship Id="rId4" Type="http://schemas.openxmlformats.org/officeDocument/2006/relationships/image" Target="../media/image58.jpeg"/></Relationships>
</file>

<file path=ppt/slides/_rels/slide2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27.xml"/><Relationship Id="rId1" Type="http://schemas.openxmlformats.org/officeDocument/2006/relationships/slideLayout" Target="../slideLayouts/slideLayout53.xml"/></Relationships>
</file>

<file path=ppt/slides/_rels/slide3.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3.xml"/><Relationship Id="rId1" Type="http://schemas.openxmlformats.org/officeDocument/2006/relationships/slideLayout" Target="../slideLayouts/slideLayout69.xml"/><Relationship Id="rId4" Type="http://schemas.openxmlformats.org/officeDocument/2006/relationships/image" Target="../media/image28.jpeg"/></Relationships>
</file>

<file path=ppt/slides/_rels/slide4.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4.xml"/><Relationship Id="rId1" Type="http://schemas.openxmlformats.org/officeDocument/2006/relationships/slideLayout" Target="../slideLayouts/slideLayout72.xml"/><Relationship Id="rId4" Type="http://schemas.openxmlformats.org/officeDocument/2006/relationships/image" Target="../media/image26.png"/></Relationships>
</file>

<file path=ppt/slides/_rels/slide5.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5.xml"/><Relationship Id="rId1" Type="http://schemas.openxmlformats.org/officeDocument/2006/relationships/slideLayout" Target="../slideLayouts/slideLayout71.xml"/></Relationships>
</file>

<file path=ppt/slides/_rels/slide6.xml.rels><?xml version="1.0" encoding="UTF-8" standalone="yes"?>
<Relationships xmlns="http://schemas.openxmlformats.org/package/2006/relationships"><Relationship Id="rId8" Type="http://schemas.openxmlformats.org/officeDocument/2006/relationships/image" Target="../media/image26.png"/><Relationship Id="rId3" Type="http://schemas.openxmlformats.org/officeDocument/2006/relationships/image" Target="../media/image29.emf"/><Relationship Id="rId7" Type="http://schemas.openxmlformats.org/officeDocument/2006/relationships/chart" Target="../charts/chart2.xml"/><Relationship Id="rId2" Type="http://schemas.openxmlformats.org/officeDocument/2006/relationships/notesSlide" Target="../notesSlides/notesSlide6.xml"/><Relationship Id="rId1" Type="http://schemas.openxmlformats.org/officeDocument/2006/relationships/slideLayout" Target="../slideLayouts/slideLayout70.xml"/><Relationship Id="rId6" Type="http://schemas.openxmlformats.org/officeDocument/2006/relationships/image" Target="../media/image32.emf"/><Relationship Id="rId5" Type="http://schemas.openxmlformats.org/officeDocument/2006/relationships/image" Target="../media/image31.emf"/><Relationship Id="rId4" Type="http://schemas.openxmlformats.org/officeDocument/2006/relationships/image" Target="../media/image30.emf"/></Relationships>
</file>

<file path=ppt/slides/_rels/slide7.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7.xml"/><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8.xml"/><Relationship Id="rId1" Type="http://schemas.openxmlformats.org/officeDocument/2006/relationships/slideLayout" Target="../slideLayouts/slideLayout67.xml"/></Relationships>
</file>

<file path=ppt/slides/_rels/slide9.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9.xml"/><Relationship Id="rId1" Type="http://schemas.openxmlformats.org/officeDocument/2006/relationships/slideLayout" Target="../slideLayouts/slideLayout6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a:xfrm>
            <a:off x="359999" y="1477658"/>
            <a:ext cx="10280291" cy="1820862"/>
          </a:xfrm>
        </p:spPr>
        <p:txBody>
          <a:bodyPr/>
          <a:lstStyle/>
          <a:p>
            <a:r>
              <a:rPr lang="en-US" sz="4800" dirty="0"/>
              <a:t>Social Determinants of Health  - </a:t>
            </a:r>
            <a:br>
              <a:rPr lang="en-US" sz="4800" dirty="0"/>
            </a:br>
            <a:r>
              <a:rPr lang="en-US" sz="4800" dirty="0"/>
              <a:t>Impacts to Medication Adherence</a:t>
            </a:r>
          </a:p>
        </p:txBody>
      </p:sp>
      <p:sp>
        <p:nvSpPr>
          <p:cNvPr id="5" name="Text Placeholder 4"/>
          <p:cNvSpPr>
            <a:spLocks noGrp="1"/>
          </p:cNvSpPr>
          <p:nvPr>
            <p:ph type="body" sz="quarter" idx="13"/>
          </p:nvPr>
        </p:nvSpPr>
        <p:spPr>
          <a:xfrm>
            <a:off x="359999" y="3728013"/>
            <a:ext cx="9860539" cy="2439264"/>
          </a:xfrm>
        </p:spPr>
        <p:txBody>
          <a:bodyPr/>
          <a:lstStyle/>
          <a:p>
            <a:r>
              <a:rPr lang="en-US" sz="2000" dirty="0"/>
              <a:t>Jay Peloquin, </a:t>
            </a:r>
            <a:r>
              <a:rPr lang="en-US" sz="2000" dirty="0" err="1"/>
              <a:t>PharmD</a:t>
            </a:r>
            <a:r>
              <a:rPr lang="en-US" sz="2000" dirty="0"/>
              <a:t>, BCPS Senior Director DoD Clinical Programs, Express Scripts</a:t>
            </a:r>
          </a:p>
          <a:p>
            <a:r>
              <a:rPr lang="en-US" sz="2000" dirty="0"/>
              <a:t>Sarah Randolph, PharmD, Senior Clinical Advisor, Evernorth Health Services</a:t>
            </a:r>
          </a:p>
          <a:p>
            <a:endParaRPr lang="en-US" sz="2000" dirty="0">
              <a:solidFill>
                <a:schemeClr val="tx1"/>
              </a:solidFill>
            </a:endParaRPr>
          </a:p>
          <a:p>
            <a:r>
              <a:rPr lang="en-US" sz="2000" dirty="0"/>
              <a:t>AMSUS 2024</a:t>
            </a:r>
          </a:p>
          <a:p>
            <a:endParaRPr lang="en-US" dirty="0"/>
          </a:p>
        </p:txBody>
      </p:sp>
      <p:sp>
        <p:nvSpPr>
          <p:cNvPr id="6" name="TextBox 5"/>
          <p:cNvSpPr txBox="1"/>
          <p:nvPr/>
        </p:nvSpPr>
        <p:spPr>
          <a:xfrm>
            <a:off x="4086036" y="6167277"/>
            <a:ext cx="3416608" cy="390272"/>
          </a:xfrm>
          <a:prstGeom prst="rect">
            <a:avLst/>
          </a:prstGeom>
          <a:solidFill>
            <a:schemeClr val="bg1"/>
          </a:solidFill>
        </p:spPr>
        <p:txBody>
          <a:bodyPr wrap="square" lIns="0" tIns="0" rIns="0" bIns="0" rtlCol="0">
            <a:spAutoFit/>
          </a:bodyPr>
          <a:lstStyle/>
          <a:p>
            <a:pPr algn="l"/>
            <a:endParaRPr lang="en-US" sz="1600" dirty="0" err="1"/>
          </a:p>
        </p:txBody>
      </p:sp>
      <p:sp>
        <p:nvSpPr>
          <p:cNvPr id="7" name="TextBox 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Tree>
    <p:extLst>
      <p:ext uri="{BB962C8B-B14F-4D97-AF65-F5344CB8AC3E}">
        <p14:creationId xmlns:p14="http://schemas.microsoft.com/office/powerpoint/2010/main" val="62121839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a:xfrm>
            <a:off x="1013968" y="2583040"/>
            <a:ext cx="10280291" cy="1820862"/>
          </a:xfrm>
        </p:spPr>
        <p:txBody>
          <a:bodyPr/>
          <a:lstStyle/>
          <a:p>
            <a:pPr algn="ctr"/>
            <a:r>
              <a:rPr lang="en-US" sz="4800" dirty="0"/>
              <a:t>Tools to Use the Data   </a:t>
            </a:r>
            <a:br>
              <a:rPr lang="en-US" sz="4800" dirty="0"/>
            </a:br>
            <a:endParaRPr lang="en-US" sz="4800" dirty="0"/>
          </a:p>
        </p:txBody>
      </p:sp>
      <p:sp>
        <p:nvSpPr>
          <p:cNvPr id="6" name="TextBox 5"/>
          <p:cNvSpPr txBox="1"/>
          <p:nvPr/>
        </p:nvSpPr>
        <p:spPr>
          <a:xfrm>
            <a:off x="4086036" y="6167277"/>
            <a:ext cx="3416608" cy="390272"/>
          </a:xfrm>
          <a:prstGeom prst="rect">
            <a:avLst/>
          </a:prstGeom>
          <a:solidFill>
            <a:schemeClr val="bg1"/>
          </a:solidFill>
        </p:spPr>
        <p:txBody>
          <a:bodyPr wrap="square" lIns="0" tIns="0" rIns="0" bIns="0" rtlCol="0">
            <a:spAutoFit/>
          </a:bodyPr>
          <a:lstStyle/>
          <a:p>
            <a:pPr algn="l"/>
            <a:endParaRPr lang="en-US" sz="1600" dirty="0" err="1"/>
          </a:p>
        </p:txBody>
      </p:sp>
      <p:sp>
        <p:nvSpPr>
          <p:cNvPr id="7" name="TextBox 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Tree>
    <p:extLst>
      <p:ext uri="{BB962C8B-B14F-4D97-AF65-F5344CB8AC3E}">
        <p14:creationId xmlns:p14="http://schemas.microsoft.com/office/powerpoint/2010/main" val="250009869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769A295F-BE51-4734-99E0-14132DDB4948}"/>
              </a:ext>
            </a:extLst>
          </p:cNvPr>
          <p:cNvSpPr/>
          <p:nvPr/>
        </p:nvSpPr>
        <p:spPr>
          <a:xfrm>
            <a:off x="0" y="1750448"/>
            <a:ext cx="12192000" cy="3019957"/>
          </a:xfrm>
          <a:prstGeom prst="rect">
            <a:avLst/>
          </a:prstGeom>
          <a:solidFill>
            <a:schemeClr val="accent3"/>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p>
        </p:txBody>
      </p:sp>
      <p:sp>
        <p:nvSpPr>
          <p:cNvPr id="25" name="TextBox 24">
            <a:extLst>
              <a:ext uri="{FF2B5EF4-FFF2-40B4-BE49-F238E27FC236}">
                <a16:creationId xmlns:a16="http://schemas.microsoft.com/office/drawing/2014/main" id="{3F7EC86E-940B-B14E-B418-ABFA488ABA7B}"/>
              </a:ext>
            </a:extLst>
          </p:cNvPr>
          <p:cNvSpPr txBox="1"/>
          <p:nvPr/>
        </p:nvSpPr>
        <p:spPr>
          <a:xfrm>
            <a:off x="-560832" y="-36576"/>
            <a:ext cx="0" cy="0"/>
          </a:xfrm>
          <a:prstGeom prst="rect">
            <a:avLst/>
          </a:prstGeom>
          <a:ln w="28575">
            <a:solidFill>
              <a:srgbClr val="F26321"/>
            </a:solidFill>
          </a:ln>
        </p:spPr>
        <p:txBody>
          <a:bodyPr vert="horz" wrap="none" lIns="243840" tIns="243840" rIns="243840" bIns="243840" rtlCol="0">
            <a:normAutofit fontScale="25000" lnSpcReduction="20000"/>
          </a:bodyPr>
          <a:lstStyle/>
          <a:p>
            <a:endParaRPr lang="en-US" sz="2400"/>
          </a:p>
        </p:txBody>
      </p:sp>
      <p:pic>
        <p:nvPicPr>
          <p:cNvPr id="9" name="Picture 8">
            <a:extLst>
              <a:ext uri="{FF2B5EF4-FFF2-40B4-BE49-F238E27FC236}">
                <a16:creationId xmlns:a16="http://schemas.microsoft.com/office/drawing/2014/main" id="{D7B118EA-C246-42F2-B5F3-0047C3C9CD6E}"/>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322307" y="941422"/>
            <a:ext cx="8967002" cy="5659581"/>
          </a:xfrm>
          <a:prstGeom prst="rect">
            <a:avLst/>
          </a:prstGeom>
        </p:spPr>
      </p:pic>
      <p:sp>
        <p:nvSpPr>
          <p:cNvPr id="4" name="Rectangle 3"/>
          <p:cNvSpPr/>
          <p:nvPr/>
        </p:nvSpPr>
        <p:spPr>
          <a:xfrm>
            <a:off x="341744" y="154789"/>
            <a:ext cx="6520873" cy="523220"/>
          </a:xfrm>
          <a:prstGeom prst="rect">
            <a:avLst/>
          </a:prstGeom>
        </p:spPr>
        <p:txBody>
          <a:bodyPr wrap="square">
            <a:spAutoFit/>
          </a:bodyPr>
          <a:lstStyle/>
          <a:p>
            <a:r>
              <a:rPr lang="en-US" sz="2800" b="1" dirty="0">
                <a:solidFill>
                  <a:schemeClr val="accent3"/>
                </a:solidFill>
                <a:latin typeface="+mj-lt"/>
              </a:rPr>
              <a:t>Evaluating SDOH – Population Level</a:t>
            </a:r>
          </a:p>
        </p:txBody>
      </p:sp>
      <p:pic>
        <p:nvPicPr>
          <p:cNvPr id="7" name="Picture 6"/>
          <p:cNvPicPr>
            <a:picLocks noChangeAspect="1"/>
          </p:cNvPicPr>
          <p:nvPr/>
        </p:nvPicPr>
        <p:blipFill>
          <a:blip r:embed="rId4"/>
          <a:stretch>
            <a:fillRect/>
          </a:stretch>
        </p:blipFill>
        <p:spPr>
          <a:xfrm>
            <a:off x="2138646" y="1212273"/>
            <a:ext cx="7297049" cy="4143093"/>
          </a:xfrm>
          <a:prstGeom prst="rect">
            <a:avLst/>
          </a:prstGeom>
        </p:spPr>
      </p:pic>
    </p:spTree>
    <p:extLst>
      <p:ext uri="{BB962C8B-B14F-4D97-AF65-F5344CB8AC3E}">
        <p14:creationId xmlns:p14="http://schemas.microsoft.com/office/powerpoint/2010/main" val="29758801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769A295F-BE51-4734-99E0-14132DDB4948}"/>
              </a:ext>
            </a:extLst>
          </p:cNvPr>
          <p:cNvSpPr/>
          <p:nvPr/>
        </p:nvSpPr>
        <p:spPr>
          <a:xfrm>
            <a:off x="0" y="1750448"/>
            <a:ext cx="12192000" cy="3019957"/>
          </a:xfrm>
          <a:prstGeom prst="rect">
            <a:avLst/>
          </a:prstGeom>
          <a:solidFill>
            <a:schemeClr val="accent3"/>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p>
        </p:txBody>
      </p:sp>
      <p:sp>
        <p:nvSpPr>
          <p:cNvPr id="25" name="TextBox 24">
            <a:extLst>
              <a:ext uri="{FF2B5EF4-FFF2-40B4-BE49-F238E27FC236}">
                <a16:creationId xmlns:a16="http://schemas.microsoft.com/office/drawing/2014/main" id="{3F7EC86E-940B-B14E-B418-ABFA488ABA7B}"/>
              </a:ext>
            </a:extLst>
          </p:cNvPr>
          <p:cNvSpPr txBox="1"/>
          <p:nvPr/>
        </p:nvSpPr>
        <p:spPr>
          <a:xfrm>
            <a:off x="-560832" y="-36576"/>
            <a:ext cx="0" cy="0"/>
          </a:xfrm>
          <a:prstGeom prst="rect">
            <a:avLst/>
          </a:prstGeom>
          <a:ln w="28575">
            <a:solidFill>
              <a:srgbClr val="F26321"/>
            </a:solidFill>
          </a:ln>
        </p:spPr>
        <p:txBody>
          <a:bodyPr vert="horz" wrap="none" lIns="243840" tIns="243840" rIns="243840" bIns="243840" rtlCol="0">
            <a:normAutofit fontScale="25000" lnSpcReduction="20000"/>
          </a:bodyPr>
          <a:lstStyle/>
          <a:p>
            <a:endParaRPr lang="en-US" sz="2400"/>
          </a:p>
        </p:txBody>
      </p:sp>
      <p:pic>
        <p:nvPicPr>
          <p:cNvPr id="9" name="Picture 8">
            <a:extLst>
              <a:ext uri="{FF2B5EF4-FFF2-40B4-BE49-F238E27FC236}">
                <a16:creationId xmlns:a16="http://schemas.microsoft.com/office/drawing/2014/main" id="{D7B118EA-C246-42F2-B5F3-0047C3C9CD6E}"/>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322307" y="941422"/>
            <a:ext cx="8967002" cy="5659581"/>
          </a:xfrm>
          <a:prstGeom prst="rect">
            <a:avLst/>
          </a:prstGeom>
        </p:spPr>
      </p:pic>
      <p:sp>
        <p:nvSpPr>
          <p:cNvPr id="4" name="Rectangle 3"/>
          <p:cNvSpPr/>
          <p:nvPr/>
        </p:nvSpPr>
        <p:spPr>
          <a:xfrm>
            <a:off x="341744" y="154789"/>
            <a:ext cx="6520873" cy="523220"/>
          </a:xfrm>
          <a:prstGeom prst="rect">
            <a:avLst/>
          </a:prstGeom>
        </p:spPr>
        <p:txBody>
          <a:bodyPr wrap="square">
            <a:spAutoFit/>
          </a:bodyPr>
          <a:lstStyle/>
          <a:p>
            <a:r>
              <a:rPr lang="en-US" sz="2800" b="1" dirty="0">
                <a:solidFill>
                  <a:schemeClr val="accent3"/>
                </a:solidFill>
                <a:latin typeface="+mj-lt"/>
              </a:rPr>
              <a:t>Evaluating SDOH – Population Level</a:t>
            </a:r>
          </a:p>
        </p:txBody>
      </p:sp>
      <p:pic>
        <p:nvPicPr>
          <p:cNvPr id="2" name="Picture 1"/>
          <p:cNvPicPr>
            <a:picLocks noChangeAspect="1"/>
          </p:cNvPicPr>
          <p:nvPr/>
        </p:nvPicPr>
        <p:blipFill>
          <a:blip r:embed="rId4"/>
          <a:stretch>
            <a:fillRect/>
          </a:stretch>
        </p:blipFill>
        <p:spPr>
          <a:xfrm>
            <a:off x="2162877" y="1066799"/>
            <a:ext cx="7285862" cy="4478101"/>
          </a:xfrm>
          <a:prstGeom prst="rect">
            <a:avLst/>
          </a:prstGeom>
        </p:spPr>
      </p:pic>
    </p:spTree>
    <p:extLst>
      <p:ext uri="{BB962C8B-B14F-4D97-AF65-F5344CB8AC3E}">
        <p14:creationId xmlns:p14="http://schemas.microsoft.com/office/powerpoint/2010/main" val="3095383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769A295F-BE51-4734-99E0-14132DDB4948}"/>
              </a:ext>
            </a:extLst>
          </p:cNvPr>
          <p:cNvSpPr/>
          <p:nvPr/>
        </p:nvSpPr>
        <p:spPr>
          <a:xfrm>
            <a:off x="0" y="1750448"/>
            <a:ext cx="12192000" cy="3019957"/>
          </a:xfrm>
          <a:prstGeom prst="rect">
            <a:avLst/>
          </a:prstGeom>
          <a:solidFill>
            <a:schemeClr val="accent3"/>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p>
        </p:txBody>
      </p:sp>
      <p:sp>
        <p:nvSpPr>
          <p:cNvPr id="25" name="TextBox 24">
            <a:extLst>
              <a:ext uri="{FF2B5EF4-FFF2-40B4-BE49-F238E27FC236}">
                <a16:creationId xmlns:a16="http://schemas.microsoft.com/office/drawing/2014/main" id="{3F7EC86E-940B-B14E-B418-ABFA488ABA7B}"/>
              </a:ext>
            </a:extLst>
          </p:cNvPr>
          <p:cNvSpPr txBox="1"/>
          <p:nvPr/>
        </p:nvSpPr>
        <p:spPr>
          <a:xfrm>
            <a:off x="-560832" y="-36576"/>
            <a:ext cx="0" cy="0"/>
          </a:xfrm>
          <a:prstGeom prst="rect">
            <a:avLst/>
          </a:prstGeom>
          <a:ln w="28575">
            <a:solidFill>
              <a:srgbClr val="F26321"/>
            </a:solidFill>
          </a:ln>
        </p:spPr>
        <p:txBody>
          <a:bodyPr vert="horz" wrap="none" lIns="243840" tIns="243840" rIns="243840" bIns="243840" rtlCol="0">
            <a:normAutofit fontScale="25000" lnSpcReduction="20000"/>
          </a:bodyPr>
          <a:lstStyle/>
          <a:p>
            <a:endParaRPr lang="en-US" sz="2400"/>
          </a:p>
        </p:txBody>
      </p:sp>
      <p:pic>
        <p:nvPicPr>
          <p:cNvPr id="9" name="Picture 8">
            <a:extLst>
              <a:ext uri="{FF2B5EF4-FFF2-40B4-BE49-F238E27FC236}">
                <a16:creationId xmlns:a16="http://schemas.microsoft.com/office/drawing/2014/main" id="{D7B118EA-C246-42F2-B5F3-0047C3C9CD6E}"/>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322307" y="941422"/>
            <a:ext cx="8967002" cy="5659581"/>
          </a:xfrm>
          <a:prstGeom prst="rect">
            <a:avLst/>
          </a:prstGeom>
        </p:spPr>
      </p:pic>
      <p:pic>
        <p:nvPicPr>
          <p:cNvPr id="2" name="Picture 1"/>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145538" y="1255918"/>
            <a:ext cx="7237092" cy="4101174"/>
          </a:xfrm>
          <a:prstGeom prst="rect">
            <a:avLst/>
          </a:prstGeom>
        </p:spPr>
      </p:pic>
      <p:pic>
        <p:nvPicPr>
          <p:cNvPr id="3" name="Picture 2"/>
          <p:cNvPicPr>
            <a:picLocks noChangeAspect="1"/>
          </p:cNvPicPr>
          <p:nvPr/>
        </p:nvPicPr>
        <p:blipFill>
          <a:blip r:embed="rId5"/>
          <a:stretch>
            <a:fillRect/>
          </a:stretch>
        </p:blipFill>
        <p:spPr>
          <a:xfrm>
            <a:off x="6050175" y="3006122"/>
            <a:ext cx="3332455" cy="2258813"/>
          </a:xfrm>
          <a:prstGeom prst="rect">
            <a:avLst/>
          </a:prstGeom>
        </p:spPr>
      </p:pic>
      <p:sp>
        <p:nvSpPr>
          <p:cNvPr id="4" name="Rectangle 3"/>
          <p:cNvSpPr/>
          <p:nvPr/>
        </p:nvSpPr>
        <p:spPr>
          <a:xfrm>
            <a:off x="341744" y="154789"/>
            <a:ext cx="6520873" cy="523220"/>
          </a:xfrm>
          <a:prstGeom prst="rect">
            <a:avLst/>
          </a:prstGeom>
        </p:spPr>
        <p:txBody>
          <a:bodyPr wrap="square">
            <a:spAutoFit/>
          </a:bodyPr>
          <a:lstStyle/>
          <a:p>
            <a:r>
              <a:rPr lang="en-US" sz="2800" b="1" dirty="0">
                <a:solidFill>
                  <a:schemeClr val="accent3"/>
                </a:solidFill>
                <a:latin typeface="+mj-lt"/>
              </a:rPr>
              <a:t>Evaluating SDOH – Patient Level</a:t>
            </a:r>
          </a:p>
        </p:txBody>
      </p:sp>
    </p:spTree>
    <p:extLst>
      <p:ext uri="{BB962C8B-B14F-4D97-AF65-F5344CB8AC3E}">
        <p14:creationId xmlns:p14="http://schemas.microsoft.com/office/powerpoint/2010/main" val="26559539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769A295F-BE51-4734-99E0-14132DDB4948}"/>
              </a:ext>
            </a:extLst>
          </p:cNvPr>
          <p:cNvSpPr/>
          <p:nvPr/>
        </p:nvSpPr>
        <p:spPr>
          <a:xfrm>
            <a:off x="0" y="1750448"/>
            <a:ext cx="12192000" cy="3019957"/>
          </a:xfrm>
          <a:prstGeom prst="rect">
            <a:avLst/>
          </a:prstGeom>
          <a:solidFill>
            <a:schemeClr val="accent3"/>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p>
        </p:txBody>
      </p:sp>
      <p:sp>
        <p:nvSpPr>
          <p:cNvPr id="25" name="TextBox 24">
            <a:extLst>
              <a:ext uri="{FF2B5EF4-FFF2-40B4-BE49-F238E27FC236}">
                <a16:creationId xmlns:a16="http://schemas.microsoft.com/office/drawing/2014/main" id="{3F7EC86E-940B-B14E-B418-ABFA488ABA7B}"/>
              </a:ext>
            </a:extLst>
          </p:cNvPr>
          <p:cNvSpPr txBox="1"/>
          <p:nvPr/>
        </p:nvSpPr>
        <p:spPr>
          <a:xfrm>
            <a:off x="-560832" y="-36576"/>
            <a:ext cx="0" cy="0"/>
          </a:xfrm>
          <a:prstGeom prst="rect">
            <a:avLst/>
          </a:prstGeom>
          <a:ln w="28575">
            <a:solidFill>
              <a:srgbClr val="F26321"/>
            </a:solidFill>
          </a:ln>
        </p:spPr>
        <p:txBody>
          <a:bodyPr vert="horz" wrap="none" lIns="243840" tIns="243840" rIns="243840" bIns="243840" rtlCol="0">
            <a:normAutofit fontScale="25000" lnSpcReduction="20000"/>
          </a:bodyPr>
          <a:lstStyle/>
          <a:p>
            <a:endParaRPr lang="en-US" sz="2400"/>
          </a:p>
        </p:txBody>
      </p:sp>
      <p:pic>
        <p:nvPicPr>
          <p:cNvPr id="9" name="Picture 8">
            <a:extLst>
              <a:ext uri="{FF2B5EF4-FFF2-40B4-BE49-F238E27FC236}">
                <a16:creationId xmlns:a16="http://schemas.microsoft.com/office/drawing/2014/main" id="{D7B118EA-C246-42F2-B5F3-0047C3C9CD6E}"/>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322307" y="941422"/>
            <a:ext cx="8967002" cy="5659581"/>
          </a:xfrm>
          <a:prstGeom prst="rect">
            <a:avLst/>
          </a:prstGeom>
        </p:spPr>
      </p:pic>
      <p:sp>
        <p:nvSpPr>
          <p:cNvPr id="4" name="Rectangle 3"/>
          <p:cNvSpPr/>
          <p:nvPr/>
        </p:nvSpPr>
        <p:spPr>
          <a:xfrm>
            <a:off x="341744" y="154789"/>
            <a:ext cx="6520873" cy="523220"/>
          </a:xfrm>
          <a:prstGeom prst="rect">
            <a:avLst/>
          </a:prstGeom>
        </p:spPr>
        <p:txBody>
          <a:bodyPr wrap="square">
            <a:spAutoFit/>
          </a:bodyPr>
          <a:lstStyle/>
          <a:p>
            <a:r>
              <a:rPr lang="en-US" sz="2800" b="1" dirty="0">
                <a:solidFill>
                  <a:schemeClr val="accent3"/>
                </a:solidFill>
                <a:latin typeface="+mj-lt"/>
              </a:rPr>
              <a:t>Building more specific Queries</a:t>
            </a:r>
          </a:p>
        </p:txBody>
      </p:sp>
      <p:pic>
        <p:nvPicPr>
          <p:cNvPr id="7" name="Picture 6"/>
          <p:cNvPicPr>
            <a:picLocks noChangeAspect="1"/>
          </p:cNvPicPr>
          <p:nvPr/>
        </p:nvPicPr>
        <p:blipFill>
          <a:blip r:embed="rId4"/>
          <a:stretch>
            <a:fillRect/>
          </a:stretch>
        </p:blipFill>
        <p:spPr>
          <a:xfrm>
            <a:off x="2202803" y="1163782"/>
            <a:ext cx="7273706" cy="4187892"/>
          </a:xfrm>
          <a:prstGeom prst="rect">
            <a:avLst/>
          </a:prstGeom>
        </p:spPr>
      </p:pic>
    </p:spTree>
    <p:extLst>
      <p:ext uri="{BB962C8B-B14F-4D97-AF65-F5344CB8AC3E}">
        <p14:creationId xmlns:p14="http://schemas.microsoft.com/office/powerpoint/2010/main" val="238364522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769A295F-BE51-4734-99E0-14132DDB4948}"/>
              </a:ext>
            </a:extLst>
          </p:cNvPr>
          <p:cNvSpPr/>
          <p:nvPr/>
        </p:nvSpPr>
        <p:spPr>
          <a:xfrm>
            <a:off x="0" y="1750448"/>
            <a:ext cx="12192000" cy="3019957"/>
          </a:xfrm>
          <a:prstGeom prst="rect">
            <a:avLst/>
          </a:prstGeom>
          <a:solidFill>
            <a:schemeClr val="accent3"/>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err="1"/>
          </a:p>
        </p:txBody>
      </p:sp>
      <p:sp>
        <p:nvSpPr>
          <p:cNvPr id="25" name="TextBox 24">
            <a:extLst>
              <a:ext uri="{FF2B5EF4-FFF2-40B4-BE49-F238E27FC236}">
                <a16:creationId xmlns:a16="http://schemas.microsoft.com/office/drawing/2014/main" id="{3F7EC86E-940B-B14E-B418-ABFA488ABA7B}"/>
              </a:ext>
            </a:extLst>
          </p:cNvPr>
          <p:cNvSpPr txBox="1"/>
          <p:nvPr/>
        </p:nvSpPr>
        <p:spPr>
          <a:xfrm>
            <a:off x="-560832" y="-36576"/>
            <a:ext cx="0" cy="0"/>
          </a:xfrm>
          <a:prstGeom prst="rect">
            <a:avLst/>
          </a:prstGeom>
          <a:ln w="28575">
            <a:solidFill>
              <a:srgbClr val="F26321"/>
            </a:solidFill>
          </a:ln>
        </p:spPr>
        <p:txBody>
          <a:bodyPr vert="horz" wrap="none" lIns="243840" tIns="243840" rIns="243840" bIns="243840" rtlCol="0">
            <a:normAutofit fontScale="25000" lnSpcReduction="20000"/>
          </a:bodyPr>
          <a:lstStyle/>
          <a:p>
            <a:endParaRPr lang="en-US" sz="2400"/>
          </a:p>
        </p:txBody>
      </p:sp>
      <p:pic>
        <p:nvPicPr>
          <p:cNvPr id="9" name="Picture 8">
            <a:extLst>
              <a:ext uri="{FF2B5EF4-FFF2-40B4-BE49-F238E27FC236}">
                <a16:creationId xmlns:a16="http://schemas.microsoft.com/office/drawing/2014/main" id="{D7B118EA-C246-42F2-B5F3-0047C3C9CD6E}"/>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322307" y="941422"/>
            <a:ext cx="8967002" cy="5659581"/>
          </a:xfrm>
          <a:prstGeom prst="rect">
            <a:avLst/>
          </a:prstGeom>
        </p:spPr>
      </p:pic>
      <p:sp>
        <p:nvSpPr>
          <p:cNvPr id="4" name="Rectangle 3"/>
          <p:cNvSpPr/>
          <p:nvPr/>
        </p:nvSpPr>
        <p:spPr>
          <a:xfrm>
            <a:off x="341744" y="154789"/>
            <a:ext cx="7444103" cy="523220"/>
          </a:xfrm>
          <a:prstGeom prst="rect">
            <a:avLst/>
          </a:prstGeom>
        </p:spPr>
        <p:txBody>
          <a:bodyPr wrap="square">
            <a:spAutoFit/>
          </a:bodyPr>
          <a:lstStyle/>
          <a:p>
            <a:r>
              <a:rPr lang="en-US" sz="2800" b="1" dirty="0">
                <a:solidFill>
                  <a:schemeClr val="accent3"/>
                </a:solidFill>
                <a:latin typeface="+mj-lt"/>
              </a:rPr>
              <a:t>Building specific queries, layer in SDOH</a:t>
            </a:r>
          </a:p>
        </p:txBody>
      </p:sp>
      <p:pic>
        <p:nvPicPr>
          <p:cNvPr id="5" name="Picture 4"/>
          <p:cNvPicPr>
            <a:picLocks noChangeAspect="1"/>
          </p:cNvPicPr>
          <p:nvPr/>
        </p:nvPicPr>
        <p:blipFill>
          <a:blip r:embed="rId4"/>
          <a:stretch>
            <a:fillRect/>
          </a:stretch>
        </p:blipFill>
        <p:spPr>
          <a:xfrm>
            <a:off x="2121131" y="1229096"/>
            <a:ext cx="7482012" cy="4132614"/>
          </a:xfrm>
          <a:prstGeom prst="rect">
            <a:avLst/>
          </a:prstGeom>
        </p:spPr>
      </p:pic>
    </p:spTree>
    <p:extLst>
      <p:ext uri="{BB962C8B-B14F-4D97-AF65-F5344CB8AC3E}">
        <p14:creationId xmlns:p14="http://schemas.microsoft.com/office/powerpoint/2010/main" val="40276737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a:xfrm>
            <a:off x="1068797" y="3896843"/>
            <a:ext cx="10280291" cy="1820862"/>
          </a:xfrm>
        </p:spPr>
        <p:txBody>
          <a:bodyPr/>
          <a:lstStyle/>
          <a:p>
            <a:pPr algn="ctr"/>
            <a:r>
              <a:rPr lang="en-US" sz="4800" dirty="0"/>
              <a:t>Use Case Designs –</a:t>
            </a:r>
            <a:br>
              <a:rPr lang="en-US" sz="4800" dirty="0"/>
            </a:br>
            <a:r>
              <a:rPr lang="en-US" sz="4800" dirty="0"/>
              <a:t>Working Smarter, not Harder</a:t>
            </a:r>
            <a:br>
              <a:rPr lang="en-US" sz="4800" dirty="0"/>
            </a:br>
            <a:br>
              <a:rPr lang="en-US" sz="4800" dirty="0"/>
            </a:br>
            <a:br>
              <a:rPr lang="en-US" sz="4800" dirty="0"/>
            </a:br>
            <a:r>
              <a:rPr lang="en-US" sz="4000" i="1" dirty="0"/>
              <a:t>Recent &amp; In Development</a:t>
            </a:r>
            <a:br>
              <a:rPr lang="en-US" sz="4800" dirty="0"/>
            </a:br>
            <a:endParaRPr lang="en-US" sz="4800" dirty="0"/>
          </a:p>
        </p:txBody>
      </p:sp>
      <p:sp>
        <p:nvSpPr>
          <p:cNvPr id="6" name="TextBox 5"/>
          <p:cNvSpPr txBox="1"/>
          <p:nvPr/>
        </p:nvSpPr>
        <p:spPr>
          <a:xfrm>
            <a:off x="4086036" y="6167277"/>
            <a:ext cx="3416608" cy="390272"/>
          </a:xfrm>
          <a:prstGeom prst="rect">
            <a:avLst/>
          </a:prstGeom>
          <a:solidFill>
            <a:schemeClr val="bg1"/>
          </a:solidFill>
        </p:spPr>
        <p:txBody>
          <a:bodyPr wrap="square" lIns="0" tIns="0" rIns="0" bIns="0" rtlCol="0">
            <a:spAutoFit/>
          </a:bodyPr>
          <a:lstStyle/>
          <a:p>
            <a:pPr algn="l"/>
            <a:endParaRPr lang="en-US" sz="1600" dirty="0" err="1"/>
          </a:p>
        </p:txBody>
      </p:sp>
      <p:sp>
        <p:nvSpPr>
          <p:cNvPr id="7" name="TextBox 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Tree>
    <p:extLst>
      <p:ext uri="{BB962C8B-B14F-4D97-AF65-F5344CB8AC3E}">
        <p14:creationId xmlns:p14="http://schemas.microsoft.com/office/powerpoint/2010/main" val="288732245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271008" y="270159"/>
            <a:ext cx="10671581" cy="457200"/>
          </a:xfrm>
        </p:spPr>
        <p:txBody>
          <a:bodyPr/>
          <a:lstStyle/>
          <a:p>
            <a:r>
              <a:rPr lang="en-US" dirty="0"/>
              <a:t>Pulmonary Controller Medications </a:t>
            </a:r>
            <a:br>
              <a:rPr lang="en-US" dirty="0"/>
            </a:br>
            <a:r>
              <a:rPr lang="en-US" dirty="0"/>
              <a:t>Adherence is Critical, Declined during COVID years</a:t>
            </a:r>
          </a:p>
        </p:txBody>
      </p:sp>
      <p:pic>
        <p:nvPicPr>
          <p:cNvPr id="5" name="Picture 4"/>
          <p:cNvPicPr>
            <a:picLocks noChangeAspect="1"/>
          </p:cNvPicPr>
          <p:nvPr/>
        </p:nvPicPr>
        <p:blipFill>
          <a:blip r:embed="rId3"/>
          <a:stretch>
            <a:fillRect/>
          </a:stretch>
        </p:blipFill>
        <p:spPr>
          <a:xfrm>
            <a:off x="2055240" y="2215327"/>
            <a:ext cx="5393735" cy="3501658"/>
          </a:xfrm>
          <a:prstGeom prst="rect">
            <a:avLst/>
          </a:prstGeom>
        </p:spPr>
      </p:pic>
      <p:sp>
        <p:nvSpPr>
          <p:cNvPr id="6" name="TextBox 5"/>
          <p:cNvSpPr txBox="1"/>
          <p:nvPr/>
        </p:nvSpPr>
        <p:spPr>
          <a:xfrm>
            <a:off x="581890" y="1486543"/>
            <a:ext cx="5698837" cy="923330"/>
          </a:xfrm>
          <a:prstGeom prst="rect">
            <a:avLst/>
          </a:prstGeom>
          <a:noFill/>
        </p:spPr>
        <p:txBody>
          <a:bodyPr wrap="square" lIns="0" tIns="0" rIns="0" bIns="0" rtlCol="0">
            <a:spAutoFit/>
          </a:bodyPr>
          <a:lstStyle/>
          <a:p>
            <a:pPr algn="l"/>
            <a:r>
              <a:rPr lang="en-US" sz="2000" dirty="0"/>
              <a:t>Compliance with controller medications leads to:</a:t>
            </a:r>
          </a:p>
          <a:p>
            <a:pPr algn="l"/>
            <a:r>
              <a:rPr lang="en-US" sz="2000" dirty="0"/>
              <a:t>     -Reduced need for rescue inhalers</a:t>
            </a:r>
          </a:p>
          <a:p>
            <a:pPr algn="l"/>
            <a:r>
              <a:rPr lang="en-US" sz="2000" dirty="0"/>
              <a:t>     -Reduced hospitalizations</a:t>
            </a:r>
          </a:p>
        </p:txBody>
      </p:sp>
      <p:sp>
        <p:nvSpPr>
          <p:cNvPr id="8" name="Oval 7"/>
          <p:cNvSpPr/>
          <p:nvPr/>
        </p:nvSpPr>
        <p:spPr>
          <a:xfrm>
            <a:off x="8118763" y="1486543"/>
            <a:ext cx="3676073" cy="3260948"/>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2000" noProof="0" dirty="0">
                <a:solidFill>
                  <a:schemeClr val="accent1"/>
                </a:solidFill>
                <a:latin typeface="Yu Gothic Medium" panose="020B0500000000000000" pitchFamily="34" charset="-128"/>
                <a:ea typeface="Yu Gothic Medium" panose="020B0500000000000000" pitchFamily="34" charset="-128"/>
              </a:rPr>
              <a:t>Poor controller adherence accounts for </a:t>
            </a:r>
          </a:p>
          <a:p>
            <a:pPr algn="ctr"/>
            <a:r>
              <a:rPr lang="en-US" sz="4400" b="1" noProof="0" dirty="0">
                <a:solidFill>
                  <a:schemeClr val="accent1"/>
                </a:solidFill>
                <a:latin typeface="Yu Gothic Medium" panose="020B0500000000000000" pitchFamily="34" charset="-128"/>
                <a:ea typeface="Yu Gothic Medium" panose="020B0500000000000000" pitchFamily="34" charset="-128"/>
              </a:rPr>
              <a:t>60%</a:t>
            </a:r>
            <a:r>
              <a:rPr lang="en-US" sz="4400" noProof="0" dirty="0">
                <a:solidFill>
                  <a:schemeClr val="accent1"/>
                </a:solidFill>
                <a:latin typeface="Yu Gothic Medium" panose="020B0500000000000000" pitchFamily="34" charset="-128"/>
                <a:ea typeface="Yu Gothic Medium" panose="020B0500000000000000" pitchFamily="34" charset="-128"/>
              </a:rPr>
              <a:t> </a:t>
            </a:r>
          </a:p>
          <a:p>
            <a:pPr algn="ctr"/>
            <a:r>
              <a:rPr lang="en-US" sz="2000" noProof="0" dirty="0">
                <a:solidFill>
                  <a:schemeClr val="accent1"/>
                </a:solidFill>
                <a:latin typeface="Yu Gothic Medium" panose="020B0500000000000000" pitchFamily="34" charset="-128"/>
                <a:ea typeface="Yu Gothic Medium" panose="020B0500000000000000" pitchFamily="34" charset="-128"/>
              </a:rPr>
              <a:t>of Asthma-related </a:t>
            </a:r>
          </a:p>
          <a:p>
            <a:pPr algn="ctr"/>
            <a:r>
              <a:rPr lang="en-US" sz="2000" noProof="0" dirty="0">
                <a:solidFill>
                  <a:schemeClr val="accent1"/>
                </a:solidFill>
                <a:latin typeface="Yu Gothic Medium" panose="020B0500000000000000" pitchFamily="34" charset="-128"/>
                <a:ea typeface="Yu Gothic Medium" panose="020B0500000000000000" pitchFamily="34" charset="-128"/>
              </a:rPr>
              <a:t>hospitalizations</a:t>
            </a:r>
          </a:p>
        </p:txBody>
      </p:sp>
      <p:sp>
        <p:nvSpPr>
          <p:cNvPr id="9" name="TextBox 8"/>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10" name="TextBox 9"/>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11" name="Picture 10"/>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7" name="TextBox 6"/>
          <p:cNvSpPr txBox="1"/>
          <p:nvPr/>
        </p:nvSpPr>
        <p:spPr>
          <a:xfrm>
            <a:off x="1893454" y="5648464"/>
            <a:ext cx="6733309" cy="615553"/>
          </a:xfrm>
          <a:prstGeom prst="rect">
            <a:avLst/>
          </a:prstGeom>
          <a:noFill/>
        </p:spPr>
        <p:txBody>
          <a:bodyPr wrap="square" lIns="0" tIns="0" rIns="0" bIns="0" rtlCol="0">
            <a:spAutoFit/>
          </a:bodyPr>
          <a:lstStyle/>
          <a:p>
            <a:r>
              <a:rPr lang="en-US" sz="1400" i="1" dirty="0"/>
              <a:t>Medication Adherence in Medicare-Enrolled Older Adults with Chronic Obstructive Pulmonary Disease before and during the COVID-19 Pandemic</a:t>
            </a:r>
          </a:p>
          <a:p>
            <a:r>
              <a:rPr lang="en-US" sz="1100" u="sng" dirty="0"/>
              <a:t>J Clin Med.</a:t>
            </a:r>
            <a:r>
              <a:rPr lang="en-US" sz="1100" dirty="0"/>
              <a:t> 2022 Dec; 11(23): 6985</a:t>
            </a:r>
            <a:endParaRPr lang="en-US" sz="1000" i="1" dirty="0"/>
          </a:p>
        </p:txBody>
      </p:sp>
    </p:spTree>
    <p:extLst>
      <p:ext uri="{BB962C8B-B14F-4D97-AF65-F5344CB8AC3E}">
        <p14:creationId xmlns:p14="http://schemas.microsoft.com/office/powerpoint/2010/main" val="433315083"/>
      </p:ext>
    </p:extLst>
  </p:cSld>
  <p:clrMapOvr>
    <a:masterClrMapping/>
  </p:clrMapOvr>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390801" y="298181"/>
            <a:ext cx="10671581" cy="457200"/>
          </a:xfrm>
        </p:spPr>
        <p:txBody>
          <a:bodyPr/>
          <a:lstStyle/>
          <a:p>
            <a:r>
              <a:rPr lang="en-US" dirty="0"/>
              <a:t>Pulmonary Initiative Design inclusive of </a:t>
            </a:r>
            <a:r>
              <a:rPr lang="en-US" dirty="0">
                <a:sym typeface="Wingdings" panose="05000000000000000000" pitchFamily="2" charset="2"/>
              </a:rPr>
              <a:t> Economic </a:t>
            </a:r>
            <a:br>
              <a:rPr lang="en-US" dirty="0">
                <a:sym typeface="Wingdings" panose="05000000000000000000" pitchFamily="2" charset="2"/>
              </a:rPr>
            </a:br>
            <a:r>
              <a:rPr lang="en-US" dirty="0">
                <a:sym typeface="Wingdings" panose="05000000000000000000" pitchFamily="2" charset="2"/>
              </a:rPr>
              <a:t>SDOH scores</a:t>
            </a:r>
            <a:br>
              <a:rPr lang="en-US" dirty="0">
                <a:sym typeface="Wingdings" panose="05000000000000000000" pitchFamily="2" charset="2"/>
              </a:rPr>
            </a:br>
            <a:r>
              <a:rPr lang="en-US" sz="1400" dirty="0">
                <a:sym typeface="Wingdings" panose="05000000000000000000" pitchFamily="2" charset="2"/>
              </a:rPr>
              <a:t>Summer ‘23</a:t>
            </a:r>
            <a:endParaRPr lang="en-US" sz="1400" dirty="0"/>
          </a:p>
        </p:txBody>
      </p:sp>
      <p:sp>
        <p:nvSpPr>
          <p:cNvPr id="11" name="TextBox 10"/>
          <p:cNvSpPr txBox="1"/>
          <p:nvPr/>
        </p:nvSpPr>
        <p:spPr>
          <a:xfrm>
            <a:off x="2948229" y="5223961"/>
            <a:ext cx="9449599" cy="502766"/>
          </a:xfrm>
          <a:prstGeom prst="rect">
            <a:avLst/>
          </a:prstGeom>
          <a:noFill/>
        </p:spPr>
        <p:txBody>
          <a:bodyPr wrap="square" rtlCol="0">
            <a:spAutoFit/>
          </a:bodyPr>
          <a:lstStyle/>
          <a:p>
            <a:r>
              <a:rPr lang="en-US" sz="2667" cap="all" dirty="0">
                <a:solidFill>
                  <a:schemeClr val="bg1"/>
                </a:solidFill>
                <a:latin typeface="Franklin Gothic Demi Cond" panose="020B0706030402020204" pitchFamily="34" charset="0"/>
              </a:rPr>
              <a:t>433 Letters mailed to members on 6/14/2023</a:t>
            </a:r>
          </a:p>
        </p:txBody>
      </p:sp>
      <p:cxnSp>
        <p:nvCxnSpPr>
          <p:cNvPr id="30" name="Straight Connector 29">
            <a:extLst>
              <a:ext uri="{FF2B5EF4-FFF2-40B4-BE49-F238E27FC236}">
                <a16:creationId xmlns:a16="http://schemas.microsoft.com/office/drawing/2014/main" id="{28F43C89-E3E8-4F7B-B7ED-A34149150443}"/>
              </a:ext>
            </a:extLst>
          </p:cNvPr>
          <p:cNvCxnSpPr>
            <a:cxnSpLocks/>
          </p:cNvCxnSpPr>
          <p:nvPr/>
        </p:nvCxnSpPr>
        <p:spPr>
          <a:xfrm>
            <a:off x="760536" y="2214795"/>
            <a:ext cx="10706408" cy="0"/>
          </a:xfrm>
          <a:prstGeom prst="line">
            <a:avLst/>
          </a:prstGeom>
          <a:noFill/>
          <a:ln w="19050">
            <a:solidFill>
              <a:schemeClr val="bg2"/>
            </a:solidFill>
          </a:ln>
        </p:spPr>
      </p:cxnSp>
      <p:sp>
        <p:nvSpPr>
          <p:cNvPr id="64" name="Oval 63">
            <a:extLst>
              <a:ext uri="{FF2B5EF4-FFF2-40B4-BE49-F238E27FC236}">
                <a16:creationId xmlns:a16="http://schemas.microsoft.com/office/drawing/2014/main" id="{F4071B8F-0ABA-4085-9FCA-6632C1F35B4B}"/>
              </a:ext>
            </a:extLst>
          </p:cNvPr>
          <p:cNvSpPr/>
          <p:nvPr/>
        </p:nvSpPr>
        <p:spPr>
          <a:xfrm>
            <a:off x="9896633" y="1932461"/>
            <a:ext cx="640080" cy="640080"/>
          </a:xfrm>
          <a:prstGeom prst="ellipse">
            <a:avLst/>
          </a:prstGeom>
          <a:solidFill>
            <a:schemeClr val="bg1"/>
          </a:solidFill>
        </p:spPr>
        <p:txBody>
          <a:bodyPr wrap="square" lIns="121920" tIns="121920" rIns="121920" bIns="121920" rtlCol="0" anchor="ctr">
            <a:noAutofit/>
          </a:bodyPr>
          <a:lstStyle/>
          <a:p>
            <a:pPr algn="ctr">
              <a:lnSpc>
                <a:spcPct val="90000"/>
              </a:lnSpc>
              <a:spcAft>
                <a:spcPts val="933"/>
              </a:spcAft>
            </a:pPr>
            <a:endParaRPr lang="en-US" sz="2400" dirty="0">
              <a:solidFill>
                <a:schemeClr val="bg1"/>
              </a:solidFill>
            </a:endParaRPr>
          </a:p>
        </p:txBody>
      </p:sp>
      <p:sp>
        <p:nvSpPr>
          <p:cNvPr id="71" name="TextBox 70">
            <a:extLst>
              <a:ext uri="{FF2B5EF4-FFF2-40B4-BE49-F238E27FC236}">
                <a16:creationId xmlns:a16="http://schemas.microsoft.com/office/drawing/2014/main" id="{8A68DB0C-2B3A-4800-93D7-C961F1884789}"/>
              </a:ext>
            </a:extLst>
          </p:cNvPr>
          <p:cNvSpPr txBox="1"/>
          <p:nvPr/>
        </p:nvSpPr>
        <p:spPr>
          <a:xfrm>
            <a:off x="801531" y="2507999"/>
            <a:ext cx="1854708" cy="2103589"/>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Members fill pulmonary controller medication </a:t>
            </a:r>
          </a:p>
          <a:p>
            <a:pPr algn="ctr"/>
            <a:r>
              <a:rPr lang="en-US" sz="1867" dirty="0">
                <a:solidFill>
                  <a:schemeClr val="bg2">
                    <a:lumMod val="50000"/>
                  </a:schemeClr>
                </a:solidFill>
                <a:ea typeface="Franklin Gothic Medium Cond" charset="0"/>
                <a:cs typeface="Franklin Gothic Medium Cond" charset="0"/>
              </a:rPr>
              <a:t>&lt; 90-days at ESI home delivery  </a:t>
            </a:r>
          </a:p>
        </p:txBody>
      </p:sp>
      <p:sp>
        <p:nvSpPr>
          <p:cNvPr id="72" name="TextBox 71">
            <a:extLst>
              <a:ext uri="{FF2B5EF4-FFF2-40B4-BE49-F238E27FC236}">
                <a16:creationId xmlns:a16="http://schemas.microsoft.com/office/drawing/2014/main" id="{8A68DB0C-2B3A-4800-93D7-C961F1884789}"/>
              </a:ext>
            </a:extLst>
          </p:cNvPr>
          <p:cNvSpPr txBox="1"/>
          <p:nvPr/>
        </p:nvSpPr>
        <p:spPr>
          <a:xfrm>
            <a:off x="2925467" y="2508000"/>
            <a:ext cx="1854708" cy="1241622"/>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Members have high to very high economic EGSDI score</a:t>
            </a:r>
          </a:p>
        </p:txBody>
      </p:sp>
      <p:sp>
        <p:nvSpPr>
          <p:cNvPr id="73" name="TextBox 72">
            <a:extLst>
              <a:ext uri="{FF2B5EF4-FFF2-40B4-BE49-F238E27FC236}">
                <a16:creationId xmlns:a16="http://schemas.microsoft.com/office/drawing/2014/main" id="{8A68DB0C-2B3A-4800-93D7-C961F1884789}"/>
              </a:ext>
            </a:extLst>
          </p:cNvPr>
          <p:cNvSpPr txBox="1"/>
          <p:nvPr/>
        </p:nvSpPr>
        <p:spPr>
          <a:xfrm>
            <a:off x="5103090" y="2507999"/>
            <a:ext cx="1854708" cy="1241622"/>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Notification to non-adherent pulmonary members </a:t>
            </a:r>
          </a:p>
        </p:txBody>
      </p:sp>
      <p:sp>
        <p:nvSpPr>
          <p:cNvPr id="74" name="TextBox 73">
            <a:extLst>
              <a:ext uri="{FF2B5EF4-FFF2-40B4-BE49-F238E27FC236}">
                <a16:creationId xmlns:a16="http://schemas.microsoft.com/office/drawing/2014/main" id="{8A68DB0C-2B3A-4800-93D7-C961F1884789}"/>
              </a:ext>
            </a:extLst>
          </p:cNvPr>
          <p:cNvSpPr txBox="1"/>
          <p:nvPr/>
        </p:nvSpPr>
        <p:spPr>
          <a:xfrm>
            <a:off x="7160792" y="2508000"/>
            <a:ext cx="2023473" cy="1528945"/>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Monitor for refill or subsequent fill for 90-day supply of controller medication</a:t>
            </a:r>
          </a:p>
        </p:txBody>
      </p:sp>
      <p:sp>
        <p:nvSpPr>
          <p:cNvPr id="75" name="TextBox 74">
            <a:extLst>
              <a:ext uri="{FF2B5EF4-FFF2-40B4-BE49-F238E27FC236}">
                <a16:creationId xmlns:a16="http://schemas.microsoft.com/office/drawing/2014/main" id="{8A68DB0C-2B3A-4800-93D7-C961F1884789}"/>
              </a:ext>
            </a:extLst>
          </p:cNvPr>
          <p:cNvSpPr txBox="1"/>
          <p:nvPr/>
        </p:nvSpPr>
        <p:spPr>
          <a:xfrm>
            <a:off x="9306011" y="2507999"/>
            <a:ext cx="2002263" cy="1241622"/>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Assess for improvements in members’ adherence rates</a:t>
            </a:r>
          </a:p>
        </p:txBody>
      </p:sp>
      <p:sp>
        <p:nvSpPr>
          <p:cNvPr id="32" name="Oval 31">
            <a:extLst>
              <a:ext uri="{FF2B5EF4-FFF2-40B4-BE49-F238E27FC236}">
                <a16:creationId xmlns:a16="http://schemas.microsoft.com/office/drawing/2014/main" id="{FDF90F9E-819F-4D28-AA93-69977BE4F8A0}"/>
              </a:ext>
            </a:extLst>
          </p:cNvPr>
          <p:cNvSpPr/>
          <p:nvPr/>
        </p:nvSpPr>
        <p:spPr>
          <a:xfrm>
            <a:off x="1400981" y="1925389"/>
            <a:ext cx="640080" cy="640080"/>
          </a:xfrm>
          <a:prstGeom prst="ellipse">
            <a:avLst/>
          </a:prstGeom>
          <a:solidFill>
            <a:schemeClr val="bg1"/>
          </a:solidFill>
          <a:ln>
            <a:noFill/>
          </a:ln>
        </p:spPr>
        <p:txBody>
          <a:bodyPr wrap="square" lIns="121920" tIns="121920" rIns="121920" bIns="121920" rtlCol="0" anchor="ctr">
            <a:noAutofit/>
          </a:bodyPr>
          <a:lstStyle/>
          <a:p>
            <a:pPr algn="ctr">
              <a:lnSpc>
                <a:spcPct val="90000"/>
              </a:lnSpc>
              <a:spcAft>
                <a:spcPts val="933"/>
              </a:spcAft>
            </a:pPr>
            <a:endParaRPr lang="en-US" sz="2400" dirty="0">
              <a:solidFill>
                <a:schemeClr val="bg1"/>
              </a:solidFill>
            </a:endParaRPr>
          </a:p>
        </p:txBody>
      </p:sp>
      <p:sp>
        <p:nvSpPr>
          <p:cNvPr id="56" name="Oval 55">
            <a:extLst>
              <a:ext uri="{FF2B5EF4-FFF2-40B4-BE49-F238E27FC236}">
                <a16:creationId xmlns:a16="http://schemas.microsoft.com/office/drawing/2014/main" id="{F4071B8F-0ABA-4085-9FCA-6632C1F35B4B}"/>
              </a:ext>
            </a:extLst>
          </p:cNvPr>
          <p:cNvSpPr/>
          <p:nvPr/>
        </p:nvSpPr>
        <p:spPr>
          <a:xfrm>
            <a:off x="7865117" y="1918995"/>
            <a:ext cx="640080" cy="640080"/>
          </a:xfrm>
          <a:prstGeom prst="ellipse">
            <a:avLst/>
          </a:prstGeom>
          <a:solidFill>
            <a:schemeClr val="bg1"/>
          </a:solidFill>
          <a:ln>
            <a:noFill/>
          </a:ln>
        </p:spPr>
        <p:txBody>
          <a:bodyPr wrap="square" lIns="121920" tIns="121920" rIns="121920" bIns="121920" rtlCol="0" anchor="ctr">
            <a:noAutofit/>
          </a:bodyPr>
          <a:lstStyle/>
          <a:p>
            <a:pPr algn="ctr">
              <a:lnSpc>
                <a:spcPct val="90000"/>
              </a:lnSpc>
              <a:spcAft>
                <a:spcPts val="933"/>
              </a:spcAft>
            </a:pPr>
            <a:endParaRPr lang="en-US" sz="2400" dirty="0">
              <a:solidFill>
                <a:schemeClr val="bg1"/>
              </a:solidFill>
            </a:endParaRPr>
          </a:p>
        </p:txBody>
      </p:sp>
      <p:sp>
        <p:nvSpPr>
          <p:cNvPr id="2" name="Oval 1"/>
          <p:cNvSpPr/>
          <p:nvPr/>
        </p:nvSpPr>
        <p:spPr>
          <a:xfrm>
            <a:off x="3555693" y="2002123"/>
            <a:ext cx="503920" cy="487883"/>
          </a:xfrm>
          <a:prstGeom prst="ellipse">
            <a:avLst/>
          </a:prstGeom>
          <a:solidFill>
            <a:schemeClr val="bg1"/>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sp>
        <p:nvSpPr>
          <p:cNvPr id="4" name="Oval 3"/>
          <p:cNvSpPr/>
          <p:nvPr/>
        </p:nvSpPr>
        <p:spPr>
          <a:xfrm>
            <a:off x="1433355" y="1962571"/>
            <a:ext cx="584795" cy="575693"/>
          </a:xfrm>
          <a:prstGeom prst="ellipse">
            <a:avLst/>
          </a:prstGeom>
          <a:solidFill>
            <a:schemeClr val="accent1"/>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99" name="Graphic 101">
            <a:extLst>
              <a:ext uri="{FF2B5EF4-FFF2-40B4-BE49-F238E27FC236}">
                <a16:creationId xmlns:a16="http://schemas.microsoft.com/office/drawing/2014/main" id="{0256FF74-18E0-7F4F-3005-91B8D9005066}"/>
              </a:ext>
            </a:extLst>
          </p:cNvPr>
          <p:cNvPicPr>
            <a:picLocks noChangeAspect="1"/>
          </p:cNvPicPr>
          <p:nvPr/>
        </p:nvPicPr>
        <p:blipFill>
          <a:blip r:embed="rId3" cstate="print">
            <a:biLevel thresh="25000"/>
            <a:extLst>
              <a:ext uri="{28A0092B-C50C-407E-A947-70E740481C1C}">
                <a14:useLocalDpi xmlns:a14="http://schemas.microsoft.com/office/drawing/2010/main" val="0"/>
              </a:ext>
            </a:extLst>
          </a:blip>
          <a:stretch>
            <a:fillRect/>
          </a:stretch>
        </p:blipFill>
        <p:spPr>
          <a:xfrm>
            <a:off x="1523912" y="2051225"/>
            <a:ext cx="394584" cy="394584"/>
          </a:xfrm>
          <a:prstGeom prst="rect">
            <a:avLst/>
          </a:prstGeom>
        </p:spPr>
      </p:pic>
      <p:sp>
        <p:nvSpPr>
          <p:cNvPr id="100" name="Oval 99"/>
          <p:cNvSpPr/>
          <p:nvPr/>
        </p:nvSpPr>
        <p:spPr>
          <a:xfrm>
            <a:off x="3515256" y="1956623"/>
            <a:ext cx="584795" cy="575693"/>
          </a:xfrm>
          <a:prstGeom prst="ellipse">
            <a:avLst/>
          </a:prstGeom>
          <a:solidFill>
            <a:schemeClr val="accent3"/>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1" name="Graphic 72">
            <a:extLst>
              <a:ext uri="{FF2B5EF4-FFF2-40B4-BE49-F238E27FC236}">
                <a16:creationId xmlns:a16="http://schemas.microsoft.com/office/drawing/2014/main" id="{E0DFE2EA-2A66-15C7-5FE9-E5D003250B49}"/>
              </a:ext>
            </a:extLst>
          </p:cNvPr>
          <p:cNvPicPr>
            <a:picLocks noChangeAspect="1"/>
          </p:cNvPicPr>
          <p:nvPr/>
        </p:nvPicPr>
        <p:blipFill>
          <a:blip r:embed="rId4" cstate="print">
            <a:biLevel thresh="25000"/>
            <a:extLst>
              <a:ext uri="{28A0092B-C50C-407E-A947-70E740481C1C}">
                <a14:useLocalDpi xmlns:a14="http://schemas.microsoft.com/office/drawing/2010/main" val="0"/>
              </a:ext>
            </a:extLst>
          </a:blip>
          <a:stretch>
            <a:fillRect/>
          </a:stretch>
        </p:blipFill>
        <p:spPr>
          <a:xfrm>
            <a:off x="3606495" y="2032815"/>
            <a:ext cx="402316" cy="402316"/>
          </a:xfrm>
          <a:prstGeom prst="rect">
            <a:avLst/>
          </a:prstGeom>
        </p:spPr>
      </p:pic>
      <p:sp>
        <p:nvSpPr>
          <p:cNvPr id="103" name="Oval 102"/>
          <p:cNvSpPr/>
          <p:nvPr/>
        </p:nvSpPr>
        <p:spPr>
          <a:xfrm>
            <a:off x="5726592" y="1967800"/>
            <a:ext cx="584795" cy="575693"/>
          </a:xfrm>
          <a:prstGeom prst="ellipse">
            <a:avLst/>
          </a:prstGeom>
          <a:solidFill>
            <a:schemeClr val="accent5"/>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4" name="Graphic 18">
            <a:extLst>
              <a:ext uri="{FF2B5EF4-FFF2-40B4-BE49-F238E27FC236}">
                <a16:creationId xmlns:a16="http://schemas.microsoft.com/office/drawing/2014/main" id="{9BDD59BE-F85E-3E0D-8443-A3A5FE6CB200}"/>
              </a:ext>
            </a:extLst>
          </p:cNvPr>
          <p:cNvPicPr>
            <a:picLocks noChangeAspect="1"/>
          </p:cNvPicPr>
          <p:nvPr/>
        </p:nvPicPr>
        <p:blipFill>
          <a:blip r:embed="rId5" cstate="print">
            <a:biLevel thresh="25000"/>
            <a:extLst>
              <a:ext uri="{28A0092B-C50C-407E-A947-70E740481C1C}">
                <a14:useLocalDpi xmlns:a14="http://schemas.microsoft.com/office/drawing/2010/main" val="0"/>
              </a:ext>
            </a:extLst>
          </a:blip>
          <a:stretch>
            <a:fillRect/>
          </a:stretch>
        </p:blipFill>
        <p:spPr>
          <a:xfrm>
            <a:off x="5806129" y="2034989"/>
            <a:ext cx="430153" cy="430153"/>
          </a:xfrm>
          <a:prstGeom prst="rect">
            <a:avLst/>
          </a:prstGeom>
        </p:spPr>
      </p:pic>
      <p:sp>
        <p:nvSpPr>
          <p:cNvPr id="105" name="Oval 104"/>
          <p:cNvSpPr/>
          <p:nvPr/>
        </p:nvSpPr>
        <p:spPr>
          <a:xfrm>
            <a:off x="7880131" y="1956783"/>
            <a:ext cx="584795" cy="575693"/>
          </a:xfrm>
          <a:prstGeom prst="ellipse">
            <a:avLst/>
          </a:prstGeom>
          <a:solidFill>
            <a:schemeClr val="accent6"/>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2" name="Graphic 65">
            <a:extLst>
              <a:ext uri="{FF2B5EF4-FFF2-40B4-BE49-F238E27FC236}">
                <a16:creationId xmlns:a16="http://schemas.microsoft.com/office/drawing/2014/main" id="{F292E2E5-CC4C-EF56-1EF6-F1A5B836D4C0}"/>
              </a:ext>
            </a:extLst>
          </p:cNvPr>
          <p:cNvPicPr>
            <a:picLocks noChangeAspect="1"/>
          </p:cNvPicPr>
          <p:nvPr/>
        </p:nvPicPr>
        <p:blipFill>
          <a:blip r:embed="rId6" cstate="print">
            <a:biLevel thresh="25000"/>
            <a:extLst>
              <a:ext uri="{28A0092B-C50C-407E-A947-70E740481C1C}">
                <a14:useLocalDpi xmlns:a14="http://schemas.microsoft.com/office/drawing/2010/main" val="0"/>
              </a:ext>
            </a:extLst>
          </a:blip>
          <a:stretch>
            <a:fillRect/>
          </a:stretch>
        </p:blipFill>
        <p:spPr>
          <a:xfrm>
            <a:off x="7988602" y="2036044"/>
            <a:ext cx="409765" cy="409765"/>
          </a:xfrm>
          <a:prstGeom prst="rect">
            <a:avLst/>
          </a:prstGeom>
        </p:spPr>
      </p:pic>
      <p:sp>
        <p:nvSpPr>
          <p:cNvPr id="107" name="Oval 106"/>
          <p:cNvSpPr/>
          <p:nvPr/>
        </p:nvSpPr>
        <p:spPr>
          <a:xfrm>
            <a:off x="9927184" y="1956623"/>
            <a:ext cx="584795" cy="575693"/>
          </a:xfrm>
          <a:prstGeom prst="ellipse">
            <a:avLst/>
          </a:prstGeom>
          <a:solidFill>
            <a:schemeClr val="accent2"/>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6" name="Graphic 14">
            <a:extLst>
              <a:ext uri="{FF2B5EF4-FFF2-40B4-BE49-F238E27FC236}">
                <a16:creationId xmlns:a16="http://schemas.microsoft.com/office/drawing/2014/main" id="{22818777-2DDA-2B2B-BB1B-F58D26D5A6D9}"/>
              </a:ext>
            </a:extLst>
          </p:cNvPr>
          <p:cNvPicPr>
            <a:picLocks noChangeAspect="1"/>
          </p:cNvPicPr>
          <p:nvPr/>
        </p:nvPicPr>
        <p:blipFill>
          <a:blip r:embed="rId7" cstate="print">
            <a:biLevel thresh="25000"/>
            <a:extLst>
              <a:ext uri="{28A0092B-C50C-407E-A947-70E740481C1C}">
                <a14:useLocalDpi xmlns:a14="http://schemas.microsoft.com/office/drawing/2010/main" val="0"/>
              </a:ext>
            </a:extLst>
          </a:blip>
          <a:stretch>
            <a:fillRect/>
          </a:stretch>
        </p:blipFill>
        <p:spPr>
          <a:xfrm>
            <a:off x="10029522" y="2035796"/>
            <a:ext cx="389733" cy="389733"/>
          </a:xfrm>
          <a:prstGeom prst="rect">
            <a:avLst/>
          </a:prstGeom>
        </p:spPr>
      </p:pic>
      <p:pic>
        <p:nvPicPr>
          <p:cNvPr id="108" name="Graphic 49">
            <a:extLst>
              <a:ext uri="{FF2B5EF4-FFF2-40B4-BE49-F238E27FC236}">
                <a16:creationId xmlns:a16="http://schemas.microsoft.com/office/drawing/2014/main" id="{DAFE43FF-7129-38E2-E699-1CF99CB8A380}"/>
              </a:ext>
            </a:extLst>
          </p:cNvPr>
          <p:cNvPicPr>
            <a:picLocks noChangeAspect="1"/>
          </p:cNvPicPr>
          <p:nvPr/>
        </p:nvPicPr>
        <p:blipFill>
          <a:blip r:embed="rId8" cstate="print">
            <a:biLevel thresh="25000"/>
            <a:extLst>
              <a:ext uri="{28A0092B-C50C-407E-A947-70E740481C1C}">
                <a14:useLocalDpi xmlns:a14="http://schemas.microsoft.com/office/drawing/2010/main" val="0"/>
              </a:ext>
            </a:extLst>
          </a:blip>
          <a:stretch>
            <a:fillRect/>
          </a:stretch>
        </p:blipFill>
        <p:spPr>
          <a:xfrm>
            <a:off x="2130697" y="5187036"/>
            <a:ext cx="731707" cy="731707"/>
          </a:xfrm>
          <a:prstGeom prst="rect">
            <a:avLst/>
          </a:prstGeom>
        </p:spPr>
      </p:pic>
      <p:sp>
        <p:nvSpPr>
          <p:cNvPr id="26" name="TextBox 25"/>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27" name="TextBox 2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28" name="Picture 27"/>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9" name="Rectangle 8">
            <a:extLst>
              <a:ext uri="{FF2B5EF4-FFF2-40B4-BE49-F238E27FC236}">
                <a16:creationId xmlns:a16="http://schemas.microsoft.com/office/drawing/2014/main" id="{A6580565-4886-49F3-81D1-56B335ECC474}"/>
              </a:ext>
            </a:extLst>
          </p:cNvPr>
          <p:cNvSpPr/>
          <p:nvPr/>
        </p:nvSpPr>
        <p:spPr>
          <a:xfrm>
            <a:off x="-9685" y="4881720"/>
            <a:ext cx="12201685" cy="480806"/>
          </a:xfrm>
          <a:prstGeom prst="rect">
            <a:avLst/>
          </a:prstGeom>
          <a:gradFill>
            <a:gsLst>
              <a:gs pos="100000">
                <a:schemeClr val="tx2">
                  <a:alpha val="88000"/>
                </a:schemeClr>
              </a:gs>
              <a:gs pos="0">
                <a:schemeClr val="accent2"/>
              </a:gs>
            </a:gsLst>
            <a:lin ang="18900000" scaled="1"/>
          </a:gradFill>
          <a:ln w="50800">
            <a:noFill/>
            <a:round/>
            <a:headEnd/>
            <a:tailEnd/>
          </a:ln>
        </p:spPr>
        <p:txBody>
          <a:bodyPr vert="horz" wrap="square" lIns="121920" tIns="60960" rIns="121920" bIns="60960" numCol="1" anchor="t" anchorCtr="0" compatLnSpc="1">
            <a:prstTxWarp prst="textNoShape">
              <a:avLst/>
            </a:prstTxWarp>
          </a:bodyPr>
          <a:lstStyle/>
          <a:p>
            <a:endParaRPr lang="en-US" sz="2400" dirty="0">
              <a:solidFill>
                <a:srgbClr val="000000"/>
              </a:solidFill>
              <a:latin typeface="Franklin Gothic Book"/>
            </a:endParaRPr>
          </a:p>
        </p:txBody>
      </p:sp>
    </p:spTree>
    <p:extLst>
      <p:ext uri="{BB962C8B-B14F-4D97-AF65-F5344CB8AC3E}">
        <p14:creationId xmlns:p14="http://schemas.microsoft.com/office/powerpoint/2010/main" val="230660680"/>
      </p:ext>
    </p:extLst>
  </p:cSld>
  <p:clrMapOvr>
    <a:masterClrMapping/>
  </p:clrMapOvr>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A6580565-4886-49F3-81D1-56B335ECC474}"/>
              </a:ext>
            </a:extLst>
          </p:cNvPr>
          <p:cNvSpPr/>
          <p:nvPr/>
        </p:nvSpPr>
        <p:spPr>
          <a:xfrm>
            <a:off x="0" y="2054239"/>
            <a:ext cx="12201685" cy="3350099"/>
          </a:xfrm>
          <a:prstGeom prst="rect">
            <a:avLst/>
          </a:prstGeom>
          <a:solidFill>
            <a:schemeClr val="accent2">
              <a:lumMod val="20000"/>
              <a:lumOff val="80000"/>
            </a:schemeClr>
          </a:solidFill>
          <a:ln w="50800">
            <a:noFill/>
            <a:round/>
            <a:headEnd/>
            <a:tailEnd/>
          </a:ln>
        </p:spPr>
        <p:txBody>
          <a:bodyPr vert="horz" wrap="square" lIns="121920" tIns="60960" rIns="121920" bIns="60960" numCol="1" anchor="t" anchorCtr="0" compatLnSpc="1">
            <a:prstTxWarp prst="textNoShape">
              <a:avLst/>
            </a:prstTxWarp>
          </a:bodyPr>
          <a:lstStyle/>
          <a:p>
            <a:endParaRPr lang="en-US" sz="2400" dirty="0">
              <a:solidFill>
                <a:srgbClr val="000000"/>
              </a:solidFill>
              <a:latin typeface="Franklin Gothic Book"/>
            </a:endParaRPr>
          </a:p>
        </p:txBody>
      </p:sp>
      <p:sp>
        <p:nvSpPr>
          <p:cNvPr id="3" name="Title 2"/>
          <p:cNvSpPr>
            <a:spLocks noGrp="1"/>
          </p:cNvSpPr>
          <p:nvPr>
            <p:ph type="title"/>
          </p:nvPr>
        </p:nvSpPr>
        <p:spPr>
          <a:xfrm>
            <a:off x="454598" y="616256"/>
            <a:ext cx="10671581" cy="457200"/>
          </a:xfrm>
        </p:spPr>
        <p:txBody>
          <a:bodyPr/>
          <a:lstStyle/>
          <a:p>
            <a:r>
              <a:rPr lang="en-US" dirty="0"/>
              <a:t>Pulmonary Initiative Design inclusive of </a:t>
            </a:r>
            <a:r>
              <a:rPr lang="en-US" dirty="0">
                <a:sym typeface="Wingdings" panose="05000000000000000000" pitchFamily="2" charset="2"/>
              </a:rPr>
              <a:t> Economic </a:t>
            </a:r>
            <a:br>
              <a:rPr lang="en-US" dirty="0">
                <a:sym typeface="Wingdings" panose="05000000000000000000" pitchFamily="2" charset="2"/>
              </a:rPr>
            </a:br>
            <a:r>
              <a:rPr lang="en-US" dirty="0">
                <a:sym typeface="Wingdings" panose="05000000000000000000" pitchFamily="2" charset="2"/>
              </a:rPr>
              <a:t>SDOH scores</a:t>
            </a:r>
            <a:br>
              <a:rPr lang="en-US" dirty="0">
                <a:sym typeface="Wingdings" panose="05000000000000000000" pitchFamily="2" charset="2"/>
              </a:rPr>
            </a:br>
            <a:r>
              <a:rPr lang="en-US" sz="1200" dirty="0">
                <a:sym typeface="Wingdings" panose="05000000000000000000" pitchFamily="2" charset="2"/>
              </a:rPr>
              <a:t>Summer ‘23</a:t>
            </a:r>
            <a:endParaRPr lang="en-US" sz="1200" dirty="0"/>
          </a:p>
        </p:txBody>
      </p:sp>
      <p:sp>
        <p:nvSpPr>
          <p:cNvPr id="23" name="Rectangle 22">
            <a:extLst>
              <a:ext uri="{FF2B5EF4-FFF2-40B4-BE49-F238E27FC236}">
                <a16:creationId xmlns:a16="http://schemas.microsoft.com/office/drawing/2014/main" id="{FC79AA4F-7E98-4313-A8AA-0A7114A689C0}"/>
              </a:ext>
            </a:extLst>
          </p:cNvPr>
          <p:cNvSpPr/>
          <p:nvPr/>
        </p:nvSpPr>
        <p:spPr>
          <a:xfrm>
            <a:off x="1297596" y="3489553"/>
            <a:ext cx="1995240" cy="1508105"/>
          </a:xfrm>
          <a:prstGeom prst="rect">
            <a:avLst/>
          </a:prstGeom>
        </p:spPr>
        <p:txBody>
          <a:bodyPr wrap="square" lIns="0" rIns="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4400" b="1" noProof="0" dirty="0">
                <a:solidFill>
                  <a:schemeClr val="accent5"/>
                </a:solidFill>
                <a:latin typeface="Arial"/>
                <a:ea typeface="MS Gothic"/>
              </a:rPr>
              <a:t>36</a:t>
            </a:r>
            <a:r>
              <a:rPr kumimoji="0" lang="en-US" sz="4400" b="1" i="0" u="none" strike="noStrike" kern="1200" cap="none" spc="0" normalizeH="0" baseline="0" noProof="0" dirty="0">
                <a:ln>
                  <a:noFill/>
                </a:ln>
                <a:solidFill>
                  <a:schemeClr val="accent5"/>
                </a:solidFill>
                <a:effectLst/>
                <a:uLnTx/>
                <a:uFillTx/>
                <a:latin typeface="Arial"/>
                <a:ea typeface="MS Gothic"/>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2400" dirty="0">
                <a:solidFill>
                  <a:schemeClr val="accent2">
                    <a:lumMod val="50000"/>
                  </a:schemeClr>
                </a:solidFill>
                <a:latin typeface="Arial"/>
                <a:ea typeface="MS Gothic"/>
              </a:rPr>
              <a:t>Member response rate</a:t>
            </a:r>
            <a:endParaRPr kumimoji="0" lang="en-US" sz="2400" b="0" i="0" u="none" strike="noStrike" kern="1200" cap="none" spc="0" normalizeH="0" baseline="0" noProof="0" dirty="0">
              <a:ln>
                <a:noFill/>
              </a:ln>
              <a:solidFill>
                <a:schemeClr val="accent2">
                  <a:lumMod val="50000"/>
                </a:schemeClr>
              </a:solidFill>
              <a:effectLst/>
              <a:uLnTx/>
              <a:uFillTx/>
              <a:latin typeface="Arial"/>
              <a:ea typeface="MS Gothic"/>
            </a:endParaRPr>
          </a:p>
        </p:txBody>
      </p:sp>
      <p:sp>
        <p:nvSpPr>
          <p:cNvPr id="24" name="Rectangle 23">
            <a:extLst>
              <a:ext uri="{FF2B5EF4-FFF2-40B4-BE49-F238E27FC236}">
                <a16:creationId xmlns:a16="http://schemas.microsoft.com/office/drawing/2014/main" id="{FC79AA4F-7E98-4313-A8AA-0A7114A689C0}"/>
              </a:ext>
            </a:extLst>
          </p:cNvPr>
          <p:cNvSpPr/>
          <p:nvPr/>
        </p:nvSpPr>
        <p:spPr>
          <a:xfrm>
            <a:off x="5058440" y="3489554"/>
            <a:ext cx="2103852" cy="1508105"/>
          </a:xfrm>
          <a:prstGeom prst="rect">
            <a:avLst/>
          </a:prstGeom>
        </p:spPr>
        <p:txBody>
          <a:bodyPr wrap="square" lIns="0" rIns="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4400" b="1" dirty="0">
                <a:solidFill>
                  <a:schemeClr val="accent2"/>
                </a:solidFill>
                <a:latin typeface="Arial"/>
                <a:ea typeface="MS Gothic"/>
              </a:rPr>
              <a:t>41</a:t>
            </a:r>
            <a:r>
              <a:rPr kumimoji="0" lang="en-US" sz="4400" b="1" i="0" u="none" strike="noStrike" kern="1200" cap="none" spc="0" normalizeH="0" baseline="0" noProof="0" dirty="0">
                <a:ln>
                  <a:noFill/>
                </a:ln>
                <a:solidFill>
                  <a:schemeClr val="accent2"/>
                </a:solidFill>
                <a:effectLst/>
                <a:uLnTx/>
                <a:uFillTx/>
                <a:latin typeface="Arial"/>
                <a:ea typeface="MS Gothic"/>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2400" dirty="0">
                <a:solidFill>
                  <a:schemeClr val="accent2">
                    <a:lumMod val="50000"/>
                  </a:schemeClr>
                </a:solidFill>
                <a:latin typeface="Arial"/>
                <a:ea typeface="MS Gothic"/>
              </a:rPr>
              <a:t>Conversion rate to 90-days </a:t>
            </a:r>
            <a:endParaRPr kumimoji="0" lang="en-US" sz="2400" b="0" i="0" u="none" strike="noStrike" kern="1200" cap="none" spc="0" normalizeH="0" baseline="0" noProof="0" dirty="0">
              <a:ln>
                <a:noFill/>
              </a:ln>
              <a:solidFill>
                <a:schemeClr val="accent2">
                  <a:lumMod val="50000"/>
                </a:schemeClr>
              </a:solidFill>
              <a:effectLst/>
              <a:uLnTx/>
              <a:uFillTx/>
              <a:latin typeface="Arial"/>
              <a:ea typeface="MS Gothic"/>
            </a:endParaRPr>
          </a:p>
        </p:txBody>
      </p:sp>
      <p:sp>
        <p:nvSpPr>
          <p:cNvPr id="25" name="Rectangle 24">
            <a:extLst>
              <a:ext uri="{FF2B5EF4-FFF2-40B4-BE49-F238E27FC236}">
                <a16:creationId xmlns:a16="http://schemas.microsoft.com/office/drawing/2014/main" id="{FC79AA4F-7E98-4313-A8AA-0A7114A689C0}"/>
              </a:ext>
            </a:extLst>
          </p:cNvPr>
          <p:cNvSpPr/>
          <p:nvPr/>
        </p:nvSpPr>
        <p:spPr>
          <a:xfrm>
            <a:off x="8927896" y="3489555"/>
            <a:ext cx="1784428" cy="1508105"/>
          </a:xfrm>
          <a:prstGeom prst="rect">
            <a:avLst/>
          </a:prstGeom>
        </p:spPr>
        <p:txBody>
          <a:bodyPr wrap="square" lIns="0" rIns="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4400" b="1" noProof="0" dirty="0">
                <a:solidFill>
                  <a:schemeClr val="accent5"/>
                </a:solidFill>
                <a:latin typeface="Arial"/>
                <a:ea typeface="MS Gothic"/>
              </a:rPr>
              <a:t>$12k</a:t>
            </a:r>
            <a:endParaRPr kumimoji="0" lang="en-US" sz="4400" b="1" i="0" u="none" strike="noStrike" kern="1200" cap="none" spc="0" normalizeH="0" baseline="0" noProof="0" dirty="0">
              <a:ln>
                <a:noFill/>
              </a:ln>
              <a:solidFill>
                <a:schemeClr val="accent5"/>
              </a:solidFill>
              <a:effectLst/>
              <a:uLnTx/>
              <a:uFillTx/>
              <a:latin typeface="Arial"/>
              <a:ea typeface="MS Gothic"/>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2400" dirty="0">
                <a:solidFill>
                  <a:schemeClr val="accent2">
                    <a:lumMod val="50000"/>
                  </a:schemeClr>
                </a:solidFill>
                <a:latin typeface="Arial"/>
                <a:ea typeface="MS Gothic"/>
              </a:rPr>
              <a:t>In medical savings </a:t>
            </a:r>
            <a:endParaRPr kumimoji="0" lang="en-US" sz="2400" b="0" i="0" u="none" strike="noStrike" kern="1200" cap="none" spc="0" normalizeH="0" baseline="0" noProof="0" dirty="0">
              <a:ln>
                <a:noFill/>
              </a:ln>
              <a:solidFill>
                <a:schemeClr val="accent2">
                  <a:lumMod val="50000"/>
                </a:schemeClr>
              </a:solidFill>
              <a:effectLst/>
              <a:uLnTx/>
              <a:uFillTx/>
              <a:latin typeface="Arial"/>
              <a:ea typeface="MS Gothic"/>
            </a:endParaRPr>
          </a:p>
        </p:txBody>
      </p:sp>
      <p:pic>
        <p:nvPicPr>
          <p:cNvPr id="27" name="Graphic 33">
            <a:extLst>
              <a:ext uri="{FF2B5EF4-FFF2-40B4-BE49-F238E27FC236}">
                <a16:creationId xmlns:a16="http://schemas.microsoft.com/office/drawing/2014/main" id="{2FD1C2AE-19BE-393A-BA3E-E72CB02958FF}"/>
              </a:ext>
            </a:extLst>
          </p:cNvPr>
          <p:cNvPicPr>
            <a:picLocks noChangeAspect="1"/>
          </p:cNvPicPr>
          <p:nvPr/>
        </p:nvPicPr>
        <p:blipFill>
          <a:blip r:embed="rId3" cstate="hqprint">
            <a:biLevel thresh="25000"/>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649452" y="2626918"/>
            <a:ext cx="862635" cy="862635"/>
          </a:xfrm>
          <a:prstGeom prst="rect">
            <a:avLst/>
          </a:prstGeom>
          <a:ln>
            <a:noFill/>
          </a:ln>
        </p:spPr>
      </p:pic>
      <p:pic>
        <p:nvPicPr>
          <p:cNvPr id="31" name="Graphic 71">
            <a:extLst>
              <a:ext uri="{FF2B5EF4-FFF2-40B4-BE49-F238E27FC236}">
                <a16:creationId xmlns:a16="http://schemas.microsoft.com/office/drawing/2014/main" id="{014BB391-DB2F-1F14-C72C-8BB9AB3168A8}"/>
              </a:ext>
            </a:extLst>
          </p:cNvPr>
          <p:cNvPicPr>
            <a:picLocks noChangeAspect="1"/>
          </p:cNvPicPr>
          <p:nvPr/>
        </p:nvPicPr>
        <p:blipFill>
          <a:blip r:embed="rId5" cstate="print">
            <a:biLevel thresh="25000"/>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142469" y="2581561"/>
            <a:ext cx="953348" cy="953348"/>
          </a:xfrm>
          <a:prstGeom prst="rect">
            <a:avLst/>
          </a:prstGeom>
        </p:spPr>
      </p:pic>
      <p:pic>
        <p:nvPicPr>
          <p:cNvPr id="35" name="Graphic 43">
            <a:extLst>
              <a:ext uri="{FF2B5EF4-FFF2-40B4-BE49-F238E27FC236}">
                <a16:creationId xmlns:a16="http://schemas.microsoft.com/office/drawing/2014/main" id="{C9434AA2-084C-AA81-53B2-8BE4D283359B}"/>
              </a:ext>
            </a:extLst>
          </p:cNvPr>
          <p:cNvPicPr>
            <a:picLocks noChangeAspect="1"/>
          </p:cNvPicPr>
          <p:nvPr/>
        </p:nvPicPr>
        <p:blipFill>
          <a:blip r:embed="rId7" cstate="hqprint">
            <a:biLevel thresh="25000"/>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5000324" y="2748588"/>
            <a:ext cx="555021" cy="555021"/>
          </a:xfrm>
          <a:prstGeom prst="rect">
            <a:avLst/>
          </a:prstGeom>
        </p:spPr>
      </p:pic>
      <p:pic>
        <p:nvPicPr>
          <p:cNvPr id="37" name="Graphic 43">
            <a:extLst>
              <a:ext uri="{FF2B5EF4-FFF2-40B4-BE49-F238E27FC236}">
                <a16:creationId xmlns:a16="http://schemas.microsoft.com/office/drawing/2014/main" id="{C9434AA2-084C-AA81-53B2-8BE4D283359B}"/>
              </a:ext>
            </a:extLst>
          </p:cNvPr>
          <p:cNvPicPr>
            <a:picLocks noChangeAspect="1"/>
          </p:cNvPicPr>
          <p:nvPr/>
        </p:nvPicPr>
        <p:blipFill>
          <a:blip r:embed="rId7" cstate="hqprint">
            <a:biLevel thresh="25000"/>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5616876" y="2748588"/>
            <a:ext cx="555021" cy="555021"/>
          </a:xfrm>
          <a:prstGeom prst="rect">
            <a:avLst/>
          </a:prstGeom>
        </p:spPr>
      </p:pic>
      <p:pic>
        <p:nvPicPr>
          <p:cNvPr id="38" name="Graphic 43">
            <a:extLst>
              <a:ext uri="{FF2B5EF4-FFF2-40B4-BE49-F238E27FC236}">
                <a16:creationId xmlns:a16="http://schemas.microsoft.com/office/drawing/2014/main" id="{C9434AA2-084C-AA81-53B2-8BE4D283359B}"/>
              </a:ext>
            </a:extLst>
          </p:cNvPr>
          <p:cNvPicPr>
            <a:picLocks noChangeAspect="1"/>
          </p:cNvPicPr>
          <p:nvPr/>
        </p:nvPicPr>
        <p:blipFill>
          <a:blip r:embed="rId7" cstate="hqprint">
            <a:biLevel thresh="25000"/>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6233429" y="2749489"/>
            <a:ext cx="555021" cy="555021"/>
          </a:xfrm>
          <a:prstGeom prst="rect">
            <a:avLst/>
          </a:prstGeom>
        </p:spPr>
      </p:pic>
      <p:sp>
        <p:nvSpPr>
          <p:cNvPr id="13" name="TextBox 12"/>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14" name="TextBox 13"/>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15" name="Picture 14"/>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Tree>
    <p:extLst>
      <p:ext uri="{BB962C8B-B14F-4D97-AF65-F5344CB8AC3E}">
        <p14:creationId xmlns:p14="http://schemas.microsoft.com/office/powerpoint/2010/main" val="174844553"/>
      </p:ext>
    </p:extLst>
  </p:cSld>
  <p:clrMapOvr>
    <a:masterClrMapping/>
  </p:clrMapOvr>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23AA811B-2EBD-4900-905E-5BE206449611}" type="slidenum">
              <a:rPr lang="en-US" smtClean="0"/>
              <a:pPr/>
              <a:t>2</a:t>
            </a:fld>
            <a:endParaRPr lang="en-US" dirty="0"/>
          </a:p>
        </p:txBody>
      </p:sp>
      <p:sp>
        <p:nvSpPr>
          <p:cNvPr id="13" name="TextBox 12"/>
          <p:cNvSpPr txBox="1"/>
          <p:nvPr/>
        </p:nvSpPr>
        <p:spPr>
          <a:xfrm>
            <a:off x="4165402" y="6172072"/>
            <a:ext cx="3416608" cy="390272"/>
          </a:xfrm>
          <a:prstGeom prst="rect">
            <a:avLst/>
          </a:prstGeom>
          <a:solidFill>
            <a:schemeClr val="bg1"/>
          </a:solidFill>
        </p:spPr>
        <p:txBody>
          <a:bodyPr wrap="square" lIns="0" tIns="0" rIns="0" bIns="0" rtlCol="0">
            <a:spAutoFit/>
          </a:bodyPr>
          <a:lstStyle/>
          <a:p>
            <a:pPr algn="l"/>
            <a:endParaRPr lang="en-US" sz="1600" dirty="0" err="1"/>
          </a:p>
        </p:txBody>
      </p:sp>
      <p:sp>
        <p:nvSpPr>
          <p:cNvPr id="14" name="TextBox 13"/>
          <p:cNvSpPr txBox="1"/>
          <p:nvPr/>
        </p:nvSpPr>
        <p:spPr>
          <a:xfrm>
            <a:off x="360000" y="6261440"/>
            <a:ext cx="3416608" cy="390272"/>
          </a:xfrm>
          <a:prstGeom prst="rect">
            <a:avLst/>
          </a:prstGeom>
          <a:solidFill>
            <a:schemeClr val="bg1"/>
          </a:solidFill>
        </p:spPr>
        <p:txBody>
          <a:bodyPr wrap="square" lIns="0" tIns="0" rIns="0" bIns="0" rtlCol="0">
            <a:spAutoFit/>
          </a:bodyPr>
          <a:lstStyle/>
          <a:p>
            <a:pPr algn="l"/>
            <a:endParaRPr lang="en-US" sz="1600" dirty="0" err="1"/>
          </a:p>
        </p:txBody>
      </p:sp>
      <p:pic>
        <p:nvPicPr>
          <p:cNvPr id="12" name="Picture 11"/>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84008" y="6308944"/>
            <a:ext cx="1395987" cy="326137"/>
          </a:xfrm>
          <a:prstGeom prst="rect">
            <a:avLst/>
          </a:prstGeom>
        </p:spPr>
      </p:pic>
      <p:pic>
        <p:nvPicPr>
          <p:cNvPr id="2" name="Picture 1"/>
          <p:cNvPicPr>
            <a:picLocks noChangeAspect="1"/>
          </p:cNvPicPr>
          <p:nvPr/>
        </p:nvPicPr>
        <p:blipFill>
          <a:blip r:embed="rId4"/>
          <a:stretch>
            <a:fillRect/>
          </a:stretch>
        </p:blipFill>
        <p:spPr>
          <a:xfrm>
            <a:off x="2333136" y="836580"/>
            <a:ext cx="7081139" cy="4675761"/>
          </a:xfrm>
          <a:prstGeom prst="rect">
            <a:avLst/>
          </a:prstGeom>
        </p:spPr>
      </p:pic>
      <p:sp>
        <p:nvSpPr>
          <p:cNvPr id="5" name="TextBox 4"/>
          <p:cNvSpPr txBox="1"/>
          <p:nvPr/>
        </p:nvSpPr>
        <p:spPr>
          <a:xfrm>
            <a:off x="2464340" y="5517559"/>
            <a:ext cx="1524001" cy="246221"/>
          </a:xfrm>
          <a:prstGeom prst="rect">
            <a:avLst/>
          </a:prstGeom>
          <a:noFill/>
        </p:spPr>
        <p:txBody>
          <a:bodyPr wrap="square" lIns="0" tIns="0" rIns="0" bIns="0" rtlCol="0">
            <a:spAutoFit/>
          </a:bodyPr>
          <a:lstStyle/>
          <a:p>
            <a:pPr algn="l"/>
            <a:r>
              <a:rPr lang="en-US" sz="1600" dirty="0">
                <a:solidFill>
                  <a:schemeClr val="bg1">
                    <a:lumMod val="65000"/>
                  </a:schemeClr>
                </a:solidFill>
              </a:rPr>
              <a:t>Equitytool.org</a:t>
            </a:r>
          </a:p>
        </p:txBody>
      </p:sp>
    </p:spTree>
    <p:extLst>
      <p:ext uri="{BB962C8B-B14F-4D97-AF65-F5344CB8AC3E}">
        <p14:creationId xmlns:p14="http://schemas.microsoft.com/office/powerpoint/2010/main" val="298436165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390801" y="298181"/>
            <a:ext cx="10671581" cy="457200"/>
          </a:xfrm>
        </p:spPr>
        <p:txBody>
          <a:bodyPr/>
          <a:lstStyle/>
          <a:p>
            <a:r>
              <a:rPr lang="en-US" dirty="0"/>
              <a:t>Diabetes Initiative</a:t>
            </a:r>
            <a:br>
              <a:rPr lang="en-US" dirty="0">
                <a:sym typeface="Wingdings" panose="05000000000000000000" pitchFamily="2" charset="2"/>
              </a:rPr>
            </a:br>
            <a:r>
              <a:rPr lang="en-US" i="1" dirty="0">
                <a:solidFill>
                  <a:srgbClr val="0033FF"/>
                </a:solidFill>
                <a:sym typeface="Wingdings" panose="05000000000000000000" pitchFamily="2" charset="2"/>
              </a:rPr>
              <a:t>*Beginning April 2023*</a:t>
            </a:r>
            <a:endParaRPr lang="en-US" sz="1400" i="1" dirty="0">
              <a:solidFill>
                <a:srgbClr val="0033FF"/>
              </a:solidFill>
            </a:endParaRPr>
          </a:p>
        </p:txBody>
      </p:sp>
      <p:sp>
        <p:nvSpPr>
          <p:cNvPr id="11" name="TextBox 10"/>
          <p:cNvSpPr txBox="1"/>
          <p:nvPr/>
        </p:nvSpPr>
        <p:spPr>
          <a:xfrm>
            <a:off x="2948229" y="5223961"/>
            <a:ext cx="9449599" cy="502766"/>
          </a:xfrm>
          <a:prstGeom prst="rect">
            <a:avLst/>
          </a:prstGeom>
          <a:noFill/>
        </p:spPr>
        <p:txBody>
          <a:bodyPr wrap="square" rtlCol="0">
            <a:spAutoFit/>
          </a:bodyPr>
          <a:lstStyle/>
          <a:p>
            <a:r>
              <a:rPr lang="en-US" sz="2667" cap="all" dirty="0">
                <a:solidFill>
                  <a:schemeClr val="bg1"/>
                </a:solidFill>
                <a:latin typeface="Franklin Gothic Demi Cond" panose="020B0706030402020204" pitchFamily="34" charset="0"/>
              </a:rPr>
              <a:t>433 Letters mailed to members on 6/14/2023</a:t>
            </a:r>
          </a:p>
        </p:txBody>
      </p:sp>
      <p:cxnSp>
        <p:nvCxnSpPr>
          <p:cNvPr id="30" name="Straight Connector 29">
            <a:extLst>
              <a:ext uri="{FF2B5EF4-FFF2-40B4-BE49-F238E27FC236}">
                <a16:creationId xmlns:a16="http://schemas.microsoft.com/office/drawing/2014/main" id="{28F43C89-E3E8-4F7B-B7ED-A34149150443}"/>
              </a:ext>
            </a:extLst>
          </p:cNvPr>
          <p:cNvCxnSpPr>
            <a:cxnSpLocks/>
          </p:cNvCxnSpPr>
          <p:nvPr/>
        </p:nvCxnSpPr>
        <p:spPr>
          <a:xfrm>
            <a:off x="760536" y="2214795"/>
            <a:ext cx="10706408" cy="0"/>
          </a:xfrm>
          <a:prstGeom prst="line">
            <a:avLst/>
          </a:prstGeom>
          <a:noFill/>
          <a:ln w="19050">
            <a:solidFill>
              <a:schemeClr val="bg2"/>
            </a:solidFill>
          </a:ln>
        </p:spPr>
      </p:cxnSp>
      <p:sp>
        <p:nvSpPr>
          <p:cNvPr id="64" name="Oval 63">
            <a:extLst>
              <a:ext uri="{FF2B5EF4-FFF2-40B4-BE49-F238E27FC236}">
                <a16:creationId xmlns:a16="http://schemas.microsoft.com/office/drawing/2014/main" id="{F4071B8F-0ABA-4085-9FCA-6632C1F35B4B}"/>
              </a:ext>
            </a:extLst>
          </p:cNvPr>
          <p:cNvSpPr/>
          <p:nvPr/>
        </p:nvSpPr>
        <p:spPr>
          <a:xfrm>
            <a:off x="9896633" y="1932461"/>
            <a:ext cx="640080" cy="640080"/>
          </a:xfrm>
          <a:prstGeom prst="ellipse">
            <a:avLst/>
          </a:prstGeom>
          <a:solidFill>
            <a:schemeClr val="bg1"/>
          </a:solidFill>
        </p:spPr>
        <p:txBody>
          <a:bodyPr wrap="square" lIns="121920" tIns="121920" rIns="121920" bIns="121920" rtlCol="0" anchor="ctr">
            <a:noAutofit/>
          </a:bodyPr>
          <a:lstStyle/>
          <a:p>
            <a:pPr algn="ctr">
              <a:lnSpc>
                <a:spcPct val="90000"/>
              </a:lnSpc>
              <a:spcAft>
                <a:spcPts val="933"/>
              </a:spcAft>
            </a:pPr>
            <a:endParaRPr lang="en-US" sz="2400" dirty="0">
              <a:solidFill>
                <a:schemeClr val="bg1"/>
              </a:solidFill>
            </a:endParaRPr>
          </a:p>
        </p:txBody>
      </p:sp>
      <p:sp>
        <p:nvSpPr>
          <p:cNvPr id="71" name="TextBox 70">
            <a:extLst>
              <a:ext uri="{FF2B5EF4-FFF2-40B4-BE49-F238E27FC236}">
                <a16:creationId xmlns:a16="http://schemas.microsoft.com/office/drawing/2014/main" id="{8A68DB0C-2B3A-4800-93D7-C961F1884789}"/>
              </a:ext>
            </a:extLst>
          </p:cNvPr>
          <p:cNvSpPr txBox="1"/>
          <p:nvPr/>
        </p:nvSpPr>
        <p:spPr>
          <a:xfrm>
            <a:off x="801531" y="2507999"/>
            <a:ext cx="1854708" cy="1816266"/>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Members fill diabetes medication </a:t>
            </a:r>
          </a:p>
          <a:p>
            <a:pPr algn="ctr"/>
            <a:r>
              <a:rPr lang="en-US" sz="1867" dirty="0">
                <a:solidFill>
                  <a:schemeClr val="bg2">
                    <a:lumMod val="50000"/>
                  </a:schemeClr>
                </a:solidFill>
                <a:ea typeface="Franklin Gothic Medium Cond" charset="0"/>
                <a:cs typeface="Franklin Gothic Medium Cond" charset="0"/>
              </a:rPr>
              <a:t>&lt; 90-days at ESI home delivery  </a:t>
            </a:r>
          </a:p>
        </p:txBody>
      </p:sp>
      <p:sp>
        <p:nvSpPr>
          <p:cNvPr id="72" name="TextBox 71">
            <a:extLst>
              <a:ext uri="{FF2B5EF4-FFF2-40B4-BE49-F238E27FC236}">
                <a16:creationId xmlns:a16="http://schemas.microsoft.com/office/drawing/2014/main" id="{8A68DB0C-2B3A-4800-93D7-C961F1884789}"/>
              </a:ext>
            </a:extLst>
          </p:cNvPr>
          <p:cNvSpPr txBox="1"/>
          <p:nvPr/>
        </p:nvSpPr>
        <p:spPr>
          <a:xfrm>
            <a:off x="2925467" y="2508000"/>
            <a:ext cx="1854708" cy="1241622"/>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Members have high to very high economic EGSDI score</a:t>
            </a:r>
          </a:p>
        </p:txBody>
      </p:sp>
      <p:sp>
        <p:nvSpPr>
          <p:cNvPr id="73" name="TextBox 72">
            <a:extLst>
              <a:ext uri="{FF2B5EF4-FFF2-40B4-BE49-F238E27FC236}">
                <a16:creationId xmlns:a16="http://schemas.microsoft.com/office/drawing/2014/main" id="{8A68DB0C-2B3A-4800-93D7-C961F1884789}"/>
              </a:ext>
            </a:extLst>
          </p:cNvPr>
          <p:cNvSpPr txBox="1"/>
          <p:nvPr/>
        </p:nvSpPr>
        <p:spPr>
          <a:xfrm>
            <a:off x="5103090" y="2507999"/>
            <a:ext cx="1854708" cy="1241622"/>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Notification to non-adherent diabetes members </a:t>
            </a:r>
          </a:p>
        </p:txBody>
      </p:sp>
      <p:sp>
        <p:nvSpPr>
          <p:cNvPr id="74" name="TextBox 73">
            <a:extLst>
              <a:ext uri="{FF2B5EF4-FFF2-40B4-BE49-F238E27FC236}">
                <a16:creationId xmlns:a16="http://schemas.microsoft.com/office/drawing/2014/main" id="{8A68DB0C-2B3A-4800-93D7-C961F1884789}"/>
              </a:ext>
            </a:extLst>
          </p:cNvPr>
          <p:cNvSpPr txBox="1"/>
          <p:nvPr/>
        </p:nvSpPr>
        <p:spPr>
          <a:xfrm>
            <a:off x="7160792" y="2508000"/>
            <a:ext cx="2023473" cy="954300"/>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Monitor for refill or subsequent fill for 90-day supply</a:t>
            </a:r>
          </a:p>
        </p:txBody>
      </p:sp>
      <p:sp>
        <p:nvSpPr>
          <p:cNvPr id="75" name="TextBox 74">
            <a:extLst>
              <a:ext uri="{FF2B5EF4-FFF2-40B4-BE49-F238E27FC236}">
                <a16:creationId xmlns:a16="http://schemas.microsoft.com/office/drawing/2014/main" id="{8A68DB0C-2B3A-4800-93D7-C961F1884789}"/>
              </a:ext>
            </a:extLst>
          </p:cNvPr>
          <p:cNvSpPr txBox="1"/>
          <p:nvPr/>
        </p:nvSpPr>
        <p:spPr>
          <a:xfrm>
            <a:off x="9306011" y="2507999"/>
            <a:ext cx="2002263" cy="1241622"/>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Assess for improvements in members’ adherence rates</a:t>
            </a:r>
          </a:p>
        </p:txBody>
      </p:sp>
      <p:sp>
        <p:nvSpPr>
          <p:cNvPr id="32" name="Oval 31">
            <a:extLst>
              <a:ext uri="{FF2B5EF4-FFF2-40B4-BE49-F238E27FC236}">
                <a16:creationId xmlns:a16="http://schemas.microsoft.com/office/drawing/2014/main" id="{FDF90F9E-819F-4D28-AA93-69977BE4F8A0}"/>
              </a:ext>
            </a:extLst>
          </p:cNvPr>
          <p:cNvSpPr/>
          <p:nvPr/>
        </p:nvSpPr>
        <p:spPr>
          <a:xfrm>
            <a:off x="1400981" y="1925389"/>
            <a:ext cx="640080" cy="640080"/>
          </a:xfrm>
          <a:prstGeom prst="ellipse">
            <a:avLst/>
          </a:prstGeom>
          <a:solidFill>
            <a:schemeClr val="bg1"/>
          </a:solidFill>
          <a:ln>
            <a:noFill/>
          </a:ln>
        </p:spPr>
        <p:txBody>
          <a:bodyPr wrap="square" lIns="121920" tIns="121920" rIns="121920" bIns="121920" rtlCol="0" anchor="ctr">
            <a:noAutofit/>
          </a:bodyPr>
          <a:lstStyle/>
          <a:p>
            <a:pPr algn="ctr">
              <a:lnSpc>
                <a:spcPct val="90000"/>
              </a:lnSpc>
              <a:spcAft>
                <a:spcPts val="933"/>
              </a:spcAft>
            </a:pPr>
            <a:endParaRPr lang="en-US" sz="2400" dirty="0">
              <a:solidFill>
                <a:schemeClr val="bg1"/>
              </a:solidFill>
            </a:endParaRPr>
          </a:p>
        </p:txBody>
      </p:sp>
      <p:sp>
        <p:nvSpPr>
          <p:cNvPr id="56" name="Oval 55">
            <a:extLst>
              <a:ext uri="{FF2B5EF4-FFF2-40B4-BE49-F238E27FC236}">
                <a16:creationId xmlns:a16="http://schemas.microsoft.com/office/drawing/2014/main" id="{F4071B8F-0ABA-4085-9FCA-6632C1F35B4B}"/>
              </a:ext>
            </a:extLst>
          </p:cNvPr>
          <p:cNvSpPr/>
          <p:nvPr/>
        </p:nvSpPr>
        <p:spPr>
          <a:xfrm>
            <a:off x="7865117" y="1918995"/>
            <a:ext cx="640080" cy="640080"/>
          </a:xfrm>
          <a:prstGeom prst="ellipse">
            <a:avLst/>
          </a:prstGeom>
          <a:solidFill>
            <a:schemeClr val="bg1"/>
          </a:solidFill>
          <a:ln>
            <a:noFill/>
          </a:ln>
        </p:spPr>
        <p:txBody>
          <a:bodyPr wrap="square" lIns="121920" tIns="121920" rIns="121920" bIns="121920" rtlCol="0" anchor="ctr">
            <a:noAutofit/>
          </a:bodyPr>
          <a:lstStyle/>
          <a:p>
            <a:pPr algn="ctr">
              <a:lnSpc>
                <a:spcPct val="90000"/>
              </a:lnSpc>
              <a:spcAft>
                <a:spcPts val="933"/>
              </a:spcAft>
            </a:pPr>
            <a:endParaRPr lang="en-US" sz="2400" dirty="0">
              <a:solidFill>
                <a:schemeClr val="bg1"/>
              </a:solidFill>
            </a:endParaRPr>
          </a:p>
        </p:txBody>
      </p:sp>
      <p:sp>
        <p:nvSpPr>
          <p:cNvPr id="2" name="Oval 1"/>
          <p:cNvSpPr/>
          <p:nvPr/>
        </p:nvSpPr>
        <p:spPr>
          <a:xfrm>
            <a:off x="3555693" y="2002123"/>
            <a:ext cx="503920" cy="487883"/>
          </a:xfrm>
          <a:prstGeom prst="ellipse">
            <a:avLst/>
          </a:prstGeom>
          <a:solidFill>
            <a:schemeClr val="bg1"/>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sp>
        <p:nvSpPr>
          <p:cNvPr id="4" name="Oval 3"/>
          <p:cNvSpPr/>
          <p:nvPr/>
        </p:nvSpPr>
        <p:spPr>
          <a:xfrm>
            <a:off x="1433355" y="1962571"/>
            <a:ext cx="584795" cy="575693"/>
          </a:xfrm>
          <a:prstGeom prst="ellipse">
            <a:avLst/>
          </a:prstGeom>
          <a:solidFill>
            <a:schemeClr val="accent1"/>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99" name="Graphic 101">
            <a:extLst>
              <a:ext uri="{FF2B5EF4-FFF2-40B4-BE49-F238E27FC236}">
                <a16:creationId xmlns:a16="http://schemas.microsoft.com/office/drawing/2014/main" id="{0256FF74-18E0-7F4F-3005-91B8D9005066}"/>
              </a:ext>
            </a:extLst>
          </p:cNvPr>
          <p:cNvPicPr>
            <a:picLocks noChangeAspect="1"/>
          </p:cNvPicPr>
          <p:nvPr/>
        </p:nvPicPr>
        <p:blipFill>
          <a:blip r:embed="rId3" cstate="print">
            <a:biLevel thresh="25000"/>
            <a:extLst>
              <a:ext uri="{28A0092B-C50C-407E-A947-70E740481C1C}">
                <a14:useLocalDpi xmlns:a14="http://schemas.microsoft.com/office/drawing/2010/main" val="0"/>
              </a:ext>
            </a:extLst>
          </a:blip>
          <a:stretch>
            <a:fillRect/>
          </a:stretch>
        </p:blipFill>
        <p:spPr>
          <a:xfrm>
            <a:off x="1523912" y="2051225"/>
            <a:ext cx="394584" cy="394584"/>
          </a:xfrm>
          <a:prstGeom prst="rect">
            <a:avLst/>
          </a:prstGeom>
        </p:spPr>
      </p:pic>
      <p:sp>
        <p:nvSpPr>
          <p:cNvPr id="100" name="Oval 99"/>
          <p:cNvSpPr/>
          <p:nvPr/>
        </p:nvSpPr>
        <p:spPr>
          <a:xfrm>
            <a:off x="3515256" y="1956623"/>
            <a:ext cx="584795" cy="575693"/>
          </a:xfrm>
          <a:prstGeom prst="ellipse">
            <a:avLst/>
          </a:prstGeom>
          <a:solidFill>
            <a:schemeClr val="accent3"/>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1" name="Graphic 72">
            <a:extLst>
              <a:ext uri="{FF2B5EF4-FFF2-40B4-BE49-F238E27FC236}">
                <a16:creationId xmlns:a16="http://schemas.microsoft.com/office/drawing/2014/main" id="{E0DFE2EA-2A66-15C7-5FE9-E5D003250B49}"/>
              </a:ext>
            </a:extLst>
          </p:cNvPr>
          <p:cNvPicPr>
            <a:picLocks noChangeAspect="1"/>
          </p:cNvPicPr>
          <p:nvPr/>
        </p:nvPicPr>
        <p:blipFill>
          <a:blip r:embed="rId4" cstate="print">
            <a:biLevel thresh="25000"/>
            <a:extLst>
              <a:ext uri="{28A0092B-C50C-407E-A947-70E740481C1C}">
                <a14:useLocalDpi xmlns:a14="http://schemas.microsoft.com/office/drawing/2010/main" val="0"/>
              </a:ext>
            </a:extLst>
          </a:blip>
          <a:stretch>
            <a:fillRect/>
          </a:stretch>
        </p:blipFill>
        <p:spPr>
          <a:xfrm>
            <a:off x="3606495" y="2032815"/>
            <a:ext cx="402316" cy="402316"/>
          </a:xfrm>
          <a:prstGeom prst="rect">
            <a:avLst/>
          </a:prstGeom>
        </p:spPr>
      </p:pic>
      <p:sp>
        <p:nvSpPr>
          <p:cNvPr id="103" name="Oval 102"/>
          <p:cNvSpPr/>
          <p:nvPr/>
        </p:nvSpPr>
        <p:spPr>
          <a:xfrm>
            <a:off x="5726592" y="1967800"/>
            <a:ext cx="584795" cy="575693"/>
          </a:xfrm>
          <a:prstGeom prst="ellipse">
            <a:avLst/>
          </a:prstGeom>
          <a:solidFill>
            <a:schemeClr val="accent5"/>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4" name="Graphic 18">
            <a:extLst>
              <a:ext uri="{FF2B5EF4-FFF2-40B4-BE49-F238E27FC236}">
                <a16:creationId xmlns:a16="http://schemas.microsoft.com/office/drawing/2014/main" id="{9BDD59BE-F85E-3E0D-8443-A3A5FE6CB200}"/>
              </a:ext>
            </a:extLst>
          </p:cNvPr>
          <p:cNvPicPr>
            <a:picLocks noChangeAspect="1"/>
          </p:cNvPicPr>
          <p:nvPr/>
        </p:nvPicPr>
        <p:blipFill>
          <a:blip r:embed="rId5" cstate="print">
            <a:biLevel thresh="25000"/>
            <a:extLst>
              <a:ext uri="{28A0092B-C50C-407E-A947-70E740481C1C}">
                <a14:useLocalDpi xmlns:a14="http://schemas.microsoft.com/office/drawing/2010/main" val="0"/>
              </a:ext>
            </a:extLst>
          </a:blip>
          <a:stretch>
            <a:fillRect/>
          </a:stretch>
        </p:blipFill>
        <p:spPr>
          <a:xfrm>
            <a:off x="5806129" y="2034989"/>
            <a:ext cx="430153" cy="430153"/>
          </a:xfrm>
          <a:prstGeom prst="rect">
            <a:avLst/>
          </a:prstGeom>
        </p:spPr>
      </p:pic>
      <p:sp>
        <p:nvSpPr>
          <p:cNvPr id="105" name="Oval 104"/>
          <p:cNvSpPr/>
          <p:nvPr/>
        </p:nvSpPr>
        <p:spPr>
          <a:xfrm>
            <a:off x="7880131" y="1956783"/>
            <a:ext cx="584795" cy="575693"/>
          </a:xfrm>
          <a:prstGeom prst="ellipse">
            <a:avLst/>
          </a:prstGeom>
          <a:solidFill>
            <a:schemeClr val="accent6"/>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2" name="Graphic 65">
            <a:extLst>
              <a:ext uri="{FF2B5EF4-FFF2-40B4-BE49-F238E27FC236}">
                <a16:creationId xmlns:a16="http://schemas.microsoft.com/office/drawing/2014/main" id="{F292E2E5-CC4C-EF56-1EF6-F1A5B836D4C0}"/>
              </a:ext>
            </a:extLst>
          </p:cNvPr>
          <p:cNvPicPr>
            <a:picLocks noChangeAspect="1"/>
          </p:cNvPicPr>
          <p:nvPr/>
        </p:nvPicPr>
        <p:blipFill>
          <a:blip r:embed="rId6" cstate="print">
            <a:biLevel thresh="25000"/>
            <a:extLst>
              <a:ext uri="{28A0092B-C50C-407E-A947-70E740481C1C}">
                <a14:useLocalDpi xmlns:a14="http://schemas.microsoft.com/office/drawing/2010/main" val="0"/>
              </a:ext>
            </a:extLst>
          </a:blip>
          <a:stretch>
            <a:fillRect/>
          </a:stretch>
        </p:blipFill>
        <p:spPr>
          <a:xfrm>
            <a:off x="7988602" y="2036044"/>
            <a:ext cx="409765" cy="409765"/>
          </a:xfrm>
          <a:prstGeom prst="rect">
            <a:avLst/>
          </a:prstGeom>
        </p:spPr>
      </p:pic>
      <p:sp>
        <p:nvSpPr>
          <p:cNvPr id="107" name="Oval 106"/>
          <p:cNvSpPr/>
          <p:nvPr/>
        </p:nvSpPr>
        <p:spPr>
          <a:xfrm>
            <a:off x="9927184" y="1956623"/>
            <a:ext cx="584795" cy="575693"/>
          </a:xfrm>
          <a:prstGeom prst="ellipse">
            <a:avLst/>
          </a:prstGeom>
          <a:solidFill>
            <a:schemeClr val="accent2"/>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6" name="Graphic 14">
            <a:extLst>
              <a:ext uri="{FF2B5EF4-FFF2-40B4-BE49-F238E27FC236}">
                <a16:creationId xmlns:a16="http://schemas.microsoft.com/office/drawing/2014/main" id="{22818777-2DDA-2B2B-BB1B-F58D26D5A6D9}"/>
              </a:ext>
            </a:extLst>
          </p:cNvPr>
          <p:cNvPicPr>
            <a:picLocks noChangeAspect="1"/>
          </p:cNvPicPr>
          <p:nvPr/>
        </p:nvPicPr>
        <p:blipFill>
          <a:blip r:embed="rId7" cstate="print">
            <a:biLevel thresh="25000"/>
            <a:extLst>
              <a:ext uri="{28A0092B-C50C-407E-A947-70E740481C1C}">
                <a14:useLocalDpi xmlns:a14="http://schemas.microsoft.com/office/drawing/2010/main" val="0"/>
              </a:ext>
            </a:extLst>
          </a:blip>
          <a:stretch>
            <a:fillRect/>
          </a:stretch>
        </p:blipFill>
        <p:spPr>
          <a:xfrm>
            <a:off x="10029522" y="2035796"/>
            <a:ext cx="389733" cy="389733"/>
          </a:xfrm>
          <a:prstGeom prst="rect">
            <a:avLst/>
          </a:prstGeom>
        </p:spPr>
      </p:pic>
      <p:pic>
        <p:nvPicPr>
          <p:cNvPr id="108" name="Graphic 49">
            <a:extLst>
              <a:ext uri="{FF2B5EF4-FFF2-40B4-BE49-F238E27FC236}">
                <a16:creationId xmlns:a16="http://schemas.microsoft.com/office/drawing/2014/main" id="{DAFE43FF-7129-38E2-E699-1CF99CB8A380}"/>
              </a:ext>
            </a:extLst>
          </p:cNvPr>
          <p:cNvPicPr>
            <a:picLocks noChangeAspect="1"/>
          </p:cNvPicPr>
          <p:nvPr/>
        </p:nvPicPr>
        <p:blipFill>
          <a:blip r:embed="rId8" cstate="print">
            <a:biLevel thresh="25000"/>
            <a:extLst>
              <a:ext uri="{28A0092B-C50C-407E-A947-70E740481C1C}">
                <a14:useLocalDpi xmlns:a14="http://schemas.microsoft.com/office/drawing/2010/main" val="0"/>
              </a:ext>
            </a:extLst>
          </a:blip>
          <a:stretch>
            <a:fillRect/>
          </a:stretch>
        </p:blipFill>
        <p:spPr>
          <a:xfrm>
            <a:off x="2130697" y="5187036"/>
            <a:ext cx="731707" cy="731707"/>
          </a:xfrm>
          <a:prstGeom prst="rect">
            <a:avLst/>
          </a:prstGeom>
        </p:spPr>
      </p:pic>
      <p:sp>
        <p:nvSpPr>
          <p:cNvPr id="26" name="TextBox 25"/>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27" name="TextBox 2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28" name="Picture 27"/>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9" name="Rectangle 8">
            <a:extLst>
              <a:ext uri="{FF2B5EF4-FFF2-40B4-BE49-F238E27FC236}">
                <a16:creationId xmlns:a16="http://schemas.microsoft.com/office/drawing/2014/main" id="{A6580565-4886-49F3-81D1-56B335ECC474}"/>
              </a:ext>
            </a:extLst>
          </p:cNvPr>
          <p:cNvSpPr/>
          <p:nvPr/>
        </p:nvSpPr>
        <p:spPr>
          <a:xfrm>
            <a:off x="-9685" y="4881719"/>
            <a:ext cx="12201685" cy="573255"/>
          </a:xfrm>
          <a:prstGeom prst="rect">
            <a:avLst/>
          </a:prstGeom>
          <a:gradFill>
            <a:gsLst>
              <a:gs pos="100000">
                <a:schemeClr val="tx2">
                  <a:alpha val="88000"/>
                </a:schemeClr>
              </a:gs>
              <a:gs pos="0">
                <a:schemeClr val="accent2"/>
              </a:gs>
            </a:gsLst>
            <a:lin ang="18900000" scaled="1"/>
          </a:gradFill>
          <a:ln w="50800">
            <a:noFill/>
            <a:round/>
            <a:headEnd/>
            <a:tailEnd/>
          </a:ln>
        </p:spPr>
        <p:txBody>
          <a:bodyPr vert="horz" wrap="square" lIns="121920" tIns="60960" rIns="121920" bIns="60960" numCol="1" anchor="t" anchorCtr="0" compatLnSpc="1">
            <a:prstTxWarp prst="textNoShape">
              <a:avLst/>
            </a:prstTxWarp>
          </a:bodyPr>
          <a:lstStyle/>
          <a:p>
            <a:endParaRPr lang="en-US" sz="2400" dirty="0">
              <a:solidFill>
                <a:srgbClr val="000000"/>
              </a:solidFill>
              <a:latin typeface="Franklin Gothic Book"/>
            </a:endParaRPr>
          </a:p>
        </p:txBody>
      </p:sp>
    </p:spTree>
    <p:extLst>
      <p:ext uri="{BB962C8B-B14F-4D97-AF65-F5344CB8AC3E}">
        <p14:creationId xmlns:p14="http://schemas.microsoft.com/office/powerpoint/2010/main" val="912801548"/>
      </p:ext>
    </p:extLst>
  </p:cSld>
  <p:clrMapOvr>
    <a:masterClrMapping/>
  </p:clrMapOvr>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390801" y="298181"/>
            <a:ext cx="10671581" cy="457200"/>
          </a:xfrm>
        </p:spPr>
        <p:txBody>
          <a:bodyPr/>
          <a:lstStyle/>
          <a:p>
            <a:r>
              <a:rPr lang="en-US" dirty="0"/>
              <a:t>High Risk Patient Initiative</a:t>
            </a:r>
            <a:br>
              <a:rPr lang="en-US" dirty="0"/>
            </a:br>
            <a:r>
              <a:rPr lang="en-US" sz="2000" i="1" dirty="0"/>
              <a:t>Identifying those with greatest need for counseling</a:t>
            </a:r>
            <a:br>
              <a:rPr lang="en-US" sz="2000" i="1" dirty="0">
                <a:sym typeface="Wingdings" panose="05000000000000000000" pitchFamily="2" charset="2"/>
              </a:rPr>
            </a:br>
            <a:endParaRPr lang="en-US" sz="2000" i="1" dirty="0">
              <a:solidFill>
                <a:srgbClr val="0033FF"/>
              </a:solidFill>
            </a:endParaRPr>
          </a:p>
        </p:txBody>
      </p:sp>
      <p:sp>
        <p:nvSpPr>
          <p:cNvPr id="11" name="TextBox 10"/>
          <p:cNvSpPr txBox="1"/>
          <p:nvPr/>
        </p:nvSpPr>
        <p:spPr>
          <a:xfrm>
            <a:off x="2948229" y="5223961"/>
            <a:ext cx="9449599" cy="502766"/>
          </a:xfrm>
          <a:prstGeom prst="rect">
            <a:avLst/>
          </a:prstGeom>
          <a:noFill/>
        </p:spPr>
        <p:txBody>
          <a:bodyPr wrap="square" rtlCol="0">
            <a:spAutoFit/>
          </a:bodyPr>
          <a:lstStyle/>
          <a:p>
            <a:r>
              <a:rPr lang="en-US" sz="2667" cap="all" dirty="0">
                <a:solidFill>
                  <a:schemeClr val="bg1"/>
                </a:solidFill>
                <a:latin typeface="Franklin Gothic Demi Cond" panose="020B0706030402020204" pitchFamily="34" charset="0"/>
              </a:rPr>
              <a:t>433 Letters mailed to members on 6/14/2023</a:t>
            </a:r>
          </a:p>
        </p:txBody>
      </p:sp>
      <p:cxnSp>
        <p:nvCxnSpPr>
          <p:cNvPr id="30" name="Straight Connector 29">
            <a:extLst>
              <a:ext uri="{FF2B5EF4-FFF2-40B4-BE49-F238E27FC236}">
                <a16:creationId xmlns:a16="http://schemas.microsoft.com/office/drawing/2014/main" id="{28F43C89-E3E8-4F7B-B7ED-A34149150443}"/>
              </a:ext>
            </a:extLst>
          </p:cNvPr>
          <p:cNvCxnSpPr>
            <a:cxnSpLocks/>
          </p:cNvCxnSpPr>
          <p:nvPr/>
        </p:nvCxnSpPr>
        <p:spPr>
          <a:xfrm>
            <a:off x="760536" y="2214795"/>
            <a:ext cx="10706408" cy="0"/>
          </a:xfrm>
          <a:prstGeom prst="line">
            <a:avLst/>
          </a:prstGeom>
          <a:noFill/>
          <a:ln w="19050">
            <a:solidFill>
              <a:schemeClr val="bg2"/>
            </a:solidFill>
          </a:ln>
        </p:spPr>
      </p:cxnSp>
      <p:sp>
        <p:nvSpPr>
          <p:cNvPr id="64" name="Oval 63">
            <a:extLst>
              <a:ext uri="{FF2B5EF4-FFF2-40B4-BE49-F238E27FC236}">
                <a16:creationId xmlns:a16="http://schemas.microsoft.com/office/drawing/2014/main" id="{F4071B8F-0ABA-4085-9FCA-6632C1F35B4B}"/>
              </a:ext>
            </a:extLst>
          </p:cNvPr>
          <p:cNvSpPr/>
          <p:nvPr/>
        </p:nvSpPr>
        <p:spPr>
          <a:xfrm>
            <a:off x="9896633" y="1932461"/>
            <a:ext cx="640080" cy="640080"/>
          </a:xfrm>
          <a:prstGeom prst="ellipse">
            <a:avLst/>
          </a:prstGeom>
          <a:solidFill>
            <a:schemeClr val="bg1"/>
          </a:solidFill>
        </p:spPr>
        <p:txBody>
          <a:bodyPr wrap="square" lIns="121920" tIns="121920" rIns="121920" bIns="121920" rtlCol="0" anchor="ctr">
            <a:noAutofit/>
          </a:bodyPr>
          <a:lstStyle/>
          <a:p>
            <a:pPr algn="ctr">
              <a:lnSpc>
                <a:spcPct val="90000"/>
              </a:lnSpc>
              <a:spcAft>
                <a:spcPts val="933"/>
              </a:spcAft>
            </a:pPr>
            <a:endParaRPr lang="en-US" sz="2400" dirty="0">
              <a:solidFill>
                <a:schemeClr val="bg1"/>
              </a:solidFill>
            </a:endParaRPr>
          </a:p>
        </p:txBody>
      </p:sp>
      <p:sp>
        <p:nvSpPr>
          <p:cNvPr id="71" name="TextBox 70">
            <a:extLst>
              <a:ext uri="{FF2B5EF4-FFF2-40B4-BE49-F238E27FC236}">
                <a16:creationId xmlns:a16="http://schemas.microsoft.com/office/drawing/2014/main" id="{8A68DB0C-2B3A-4800-93D7-C961F1884789}"/>
              </a:ext>
            </a:extLst>
          </p:cNvPr>
          <p:cNvSpPr txBox="1"/>
          <p:nvPr/>
        </p:nvSpPr>
        <p:spPr>
          <a:xfrm>
            <a:off x="522712" y="2736080"/>
            <a:ext cx="2331671" cy="1816266"/>
          </a:xfrm>
          <a:prstGeom prst="rect">
            <a:avLst/>
          </a:prstGeom>
          <a:noFill/>
        </p:spPr>
        <p:txBody>
          <a:bodyPr wrap="square" rtlCol="0">
            <a:spAutoFit/>
          </a:bodyPr>
          <a:lstStyle/>
          <a:p>
            <a:r>
              <a:rPr lang="en-US" sz="1867" dirty="0">
                <a:solidFill>
                  <a:schemeClr val="bg2">
                    <a:lumMod val="50000"/>
                  </a:schemeClr>
                </a:solidFill>
                <a:ea typeface="Franklin Gothic Medium Cond" charset="0"/>
                <a:cs typeface="Franklin Gothic Medium Cond" charset="0"/>
              </a:rPr>
              <a:t>1) 7+ Gaps in Care</a:t>
            </a:r>
          </a:p>
          <a:p>
            <a:r>
              <a:rPr lang="en-US" sz="1867" dirty="0">
                <a:solidFill>
                  <a:schemeClr val="bg2">
                    <a:lumMod val="50000"/>
                  </a:schemeClr>
                </a:solidFill>
                <a:ea typeface="Franklin Gothic Medium Cond" charset="0"/>
                <a:cs typeface="Franklin Gothic Medium Cond" charset="0"/>
              </a:rPr>
              <a:t>2) Non Adherent for     </a:t>
            </a:r>
          </a:p>
          <a:p>
            <a:r>
              <a:rPr lang="en-US" sz="1867" dirty="0">
                <a:solidFill>
                  <a:schemeClr val="bg2">
                    <a:lumMod val="50000"/>
                  </a:schemeClr>
                </a:solidFill>
                <a:ea typeface="Franklin Gothic Medium Cond" charset="0"/>
                <a:cs typeface="Franklin Gothic Medium Cond" charset="0"/>
              </a:rPr>
              <a:t>     2+ years</a:t>
            </a:r>
          </a:p>
          <a:p>
            <a:endParaRPr lang="en-US" sz="1867" dirty="0">
              <a:solidFill>
                <a:schemeClr val="bg2">
                  <a:lumMod val="50000"/>
                </a:schemeClr>
              </a:solidFill>
              <a:ea typeface="Franklin Gothic Medium Cond" charset="0"/>
              <a:cs typeface="Franklin Gothic Medium Cond" charset="0"/>
            </a:endParaRPr>
          </a:p>
          <a:p>
            <a:r>
              <a:rPr lang="en-US" sz="1867" dirty="0">
                <a:solidFill>
                  <a:schemeClr val="bg2">
                    <a:lumMod val="50000"/>
                  </a:schemeClr>
                </a:solidFill>
                <a:ea typeface="Franklin Gothic Medium Cond" charset="0"/>
                <a:cs typeface="Franklin Gothic Medium Cond" charset="0"/>
              </a:rPr>
              <a:t>Targeted: 100 patients</a:t>
            </a:r>
          </a:p>
        </p:txBody>
      </p:sp>
      <p:sp>
        <p:nvSpPr>
          <p:cNvPr id="72" name="TextBox 71">
            <a:extLst>
              <a:ext uri="{FF2B5EF4-FFF2-40B4-BE49-F238E27FC236}">
                <a16:creationId xmlns:a16="http://schemas.microsoft.com/office/drawing/2014/main" id="{8A68DB0C-2B3A-4800-93D7-C961F1884789}"/>
              </a:ext>
            </a:extLst>
          </p:cNvPr>
          <p:cNvSpPr txBox="1"/>
          <p:nvPr/>
        </p:nvSpPr>
        <p:spPr>
          <a:xfrm>
            <a:off x="2976129" y="2744988"/>
            <a:ext cx="1854708" cy="1241622"/>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Members have high to very high economic EGSDI score</a:t>
            </a:r>
          </a:p>
        </p:txBody>
      </p:sp>
      <p:sp>
        <p:nvSpPr>
          <p:cNvPr id="73" name="TextBox 72">
            <a:extLst>
              <a:ext uri="{FF2B5EF4-FFF2-40B4-BE49-F238E27FC236}">
                <a16:creationId xmlns:a16="http://schemas.microsoft.com/office/drawing/2014/main" id="{8A68DB0C-2B3A-4800-93D7-C961F1884789}"/>
              </a:ext>
            </a:extLst>
          </p:cNvPr>
          <p:cNvSpPr txBox="1"/>
          <p:nvPr/>
        </p:nvSpPr>
        <p:spPr>
          <a:xfrm>
            <a:off x="5091635" y="2677703"/>
            <a:ext cx="1854708" cy="1528945"/>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Discussion for one-on one with experienced pharmacists</a:t>
            </a:r>
          </a:p>
        </p:txBody>
      </p:sp>
      <p:sp>
        <p:nvSpPr>
          <p:cNvPr id="74" name="TextBox 73">
            <a:extLst>
              <a:ext uri="{FF2B5EF4-FFF2-40B4-BE49-F238E27FC236}">
                <a16:creationId xmlns:a16="http://schemas.microsoft.com/office/drawing/2014/main" id="{8A68DB0C-2B3A-4800-93D7-C961F1884789}"/>
              </a:ext>
            </a:extLst>
          </p:cNvPr>
          <p:cNvSpPr txBox="1"/>
          <p:nvPr/>
        </p:nvSpPr>
        <p:spPr>
          <a:xfrm>
            <a:off x="7160122" y="2679261"/>
            <a:ext cx="2023473" cy="1816266"/>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Monitor for refill or subsequent fill for 90-day supply, and closed gaps-in-care</a:t>
            </a:r>
          </a:p>
        </p:txBody>
      </p:sp>
      <p:sp>
        <p:nvSpPr>
          <p:cNvPr id="75" name="TextBox 74">
            <a:extLst>
              <a:ext uri="{FF2B5EF4-FFF2-40B4-BE49-F238E27FC236}">
                <a16:creationId xmlns:a16="http://schemas.microsoft.com/office/drawing/2014/main" id="{8A68DB0C-2B3A-4800-93D7-C961F1884789}"/>
              </a:ext>
            </a:extLst>
          </p:cNvPr>
          <p:cNvSpPr txBox="1"/>
          <p:nvPr/>
        </p:nvSpPr>
        <p:spPr>
          <a:xfrm>
            <a:off x="9291776" y="2651714"/>
            <a:ext cx="2002263" cy="1816266"/>
          </a:xfrm>
          <a:prstGeom prst="rect">
            <a:avLst/>
          </a:prstGeom>
          <a:noFill/>
        </p:spPr>
        <p:txBody>
          <a:bodyPr wrap="square" rtlCol="0">
            <a:spAutoFit/>
          </a:bodyPr>
          <a:lstStyle/>
          <a:p>
            <a:pPr algn="ctr"/>
            <a:r>
              <a:rPr lang="en-US" sz="1867" dirty="0">
                <a:solidFill>
                  <a:schemeClr val="bg2">
                    <a:lumMod val="50000"/>
                  </a:schemeClr>
                </a:solidFill>
                <a:ea typeface="Franklin Gothic Medium Cond" charset="0"/>
                <a:cs typeface="Franklin Gothic Medium Cond" charset="0"/>
              </a:rPr>
              <a:t>Assess for improvements in members’ adherence rates, disease testing rates</a:t>
            </a:r>
          </a:p>
        </p:txBody>
      </p:sp>
      <p:sp>
        <p:nvSpPr>
          <p:cNvPr id="32" name="Oval 31">
            <a:extLst>
              <a:ext uri="{FF2B5EF4-FFF2-40B4-BE49-F238E27FC236}">
                <a16:creationId xmlns:a16="http://schemas.microsoft.com/office/drawing/2014/main" id="{FDF90F9E-819F-4D28-AA93-69977BE4F8A0}"/>
              </a:ext>
            </a:extLst>
          </p:cNvPr>
          <p:cNvSpPr/>
          <p:nvPr/>
        </p:nvSpPr>
        <p:spPr>
          <a:xfrm>
            <a:off x="1400981" y="1925389"/>
            <a:ext cx="640080" cy="640080"/>
          </a:xfrm>
          <a:prstGeom prst="ellipse">
            <a:avLst/>
          </a:prstGeom>
          <a:solidFill>
            <a:schemeClr val="bg1"/>
          </a:solidFill>
          <a:ln>
            <a:noFill/>
          </a:ln>
        </p:spPr>
        <p:txBody>
          <a:bodyPr wrap="square" lIns="121920" tIns="121920" rIns="121920" bIns="121920" rtlCol="0" anchor="ctr">
            <a:noAutofit/>
          </a:bodyPr>
          <a:lstStyle/>
          <a:p>
            <a:pPr algn="ctr">
              <a:lnSpc>
                <a:spcPct val="90000"/>
              </a:lnSpc>
              <a:spcAft>
                <a:spcPts val="933"/>
              </a:spcAft>
            </a:pPr>
            <a:endParaRPr lang="en-US" sz="2400" dirty="0">
              <a:solidFill>
                <a:schemeClr val="bg1"/>
              </a:solidFill>
            </a:endParaRPr>
          </a:p>
        </p:txBody>
      </p:sp>
      <p:sp>
        <p:nvSpPr>
          <p:cNvPr id="56" name="Oval 55">
            <a:extLst>
              <a:ext uri="{FF2B5EF4-FFF2-40B4-BE49-F238E27FC236}">
                <a16:creationId xmlns:a16="http://schemas.microsoft.com/office/drawing/2014/main" id="{F4071B8F-0ABA-4085-9FCA-6632C1F35B4B}"/>
              </a:ext>
            </a:extLst>
          </p:cNvPr>
          <p:cNvSpPr/>
          <p:nvPr/>
        </p:nvSpPr>
        <p:spPr>
          <a:xfrm>
            <a:off x="7865117" y="1918995"/>
            <a:ext cx="640080" cy="640080"/>
          </a:xfrm>
          <a:prstGeom prst="ellipse">
            <a:avLst/>
          </a:prstGeom>
          <a:solidFill>
            <a:schemeClr val="bg1"/>
          </a:solidFill>
          <a:ln>
            <a:noFill/>
          </a:ln>
        </p:spPr>
        <p:txBody>
          <a:bodyPr wrap="square" lIns="121920" tIns="121920" rIns="121920" bIns="121920" rtlCol="0" anchor="ctr">
            <a:noAutofit/>
          </a:bodyPr>
          <a:lstStyle/>
          <a:p>
            <a:pPr algn="ctr">
              <a:lnSpc>
                <a:spcPct val="90000"/>
              </a:lnSpc>
              <a:spcAft>
                <a:spcPts val="933"/>
              </a:spcAft>
            </a:pPr>
            <a:endParaRPr lang="en-US" sz="2400" dirty="0">
              <a:solidFill>
                <a:schemeClr val="bg1"/>
              </a:solidFill>
            </a:endParaRPr>
          </a:p>
        </p:txBody>
      </p:sp>
      <p:sp>
        <p:nvSpPr>
          <p:cNvPr id="2" name="Oval 1"/>
          <p:cNvSpPr/>
          <p:nvPr/>
        </p:nvSpPr>
        <p:spPr>
          <a:xfrm>
            <a:off x="3555693" y="2002123"/>
            <a:ext cx="503920" cy="487883"/>
          </a:xfrm>
          <a:prstGeom prst="ellipse">
            <a:avLst/>
          </a:prstGeom>
          <a:solidFill>
            <a:schemeClr val="bg1"/>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99" name="Graphic 101">
            <a:extLst>
              <a:ext uri="{FF2B5EF4-FFF2-40B4-BE49-F238E27FC236}">
                <a16:creationId xmlns:a16="http://schemas.microsoft.com/office/drawing/2014/main" id="{0256FF74-18E0-7F4F-3005-91B8D9005066}"/>
              </a:ext>
            </a:extLst>
          </p:cNvPr>
          <p:cNvPicPr>
            <a:picLocks noChangeAspect="1"/>
          </p:cNvPicPr>
          <p:nvPr/>
        </p:nvPicPr>
        <p:blipFill>
          <a:blip r:embed="rId3" cstate="print">
            <a:biLevel thresh="25000"/>
            <a:extLst>
              <a:ext uri="{28A0092B-C50C-407E-A947-70E740481C1C}">
                <a14:useLocalDpi xmlns:a14="http://schemas.microsoft.com/office/drawing/2010/main" val="0"/>
              </a:ext>
            </a:extLst>
          </a:blip>
          <a:stretch>
            <a:fillRect/>
          </a:stretch>
        </p:blipFill>
        <p:spPr>
          <a:xfrm>
            <a:off x="1517975" y="2070605"/>
            <a:ext cx="394584" cy="394584"/>
          </a:xfrm>
          <a:prstGeom prst="rect">
            <a:avLst/>
          </a:prstGeom>
        </p:spPr>
      </p:pic>
      <p:sp>
        <p:nvSpPr>
          <p:cNvPr id="100" name="Oval 99"/>
          <p:cNvSpPr/>
          <p:nvPr/>
        </p:nvSpPr>
        <p:spPr>
          <a:xfrm>
            <a:off x="3515256" y="1956623"/>
            <a:ext cx="584795" cy="575693"/>
          </a:xfrm>
          <a:prstGeom prst="ellipse">
            <a:avLst/>
          </a:prstGeom>
          <a:solidFill>
            <a:schemeClr val="accent3"/>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1" name="Graphic 72">
            <a:extLst>
              <a:ext uri="{FF2B5EF4-FFF2-40B4-BE49-F238E27FC236}">
                <a16:creationId xmlns:a16="http://schemas.microsoft.com/office/drawing/2014/main" id="{E0DFE2EA-2A66-15C7-5FE9-E5D003250B49}"/>
              </a:ext>
            </a:extLst>
          </p:cNvPr>
          <p:cNvPicPr>
            <a:picLocks noChangeAspect="1"/>
          </p:cNvPicPr>
          <p:nvPr/>
        </p:nvPicPr>
        <p:blipFill>
          <a:blip r:embed="rId4" cstate="print">
            <a:biLevel thresh="25000"/>
            <a:extLst>
              <a:ext uri="{28A0092B-C50C-407E-A947-70E740481C1C}">
                <a14:useLocalDpi xmlns:a14="http://schemas.microsoft.com/office/drawing/2010/main" val="0"/>
              </a:ext>
            </a:extLst>
          </a:blip>
          <a:stretch>
            <a:fillRect/>
          </a:stretch>
        </p:blipFill>
        <p:spPr>
          <a:xfrm>
            <a:off x="3606495" y="2032815"/>
            <a:ext cx="402316" cy="402316"/>
          </a:xfrm>
          <a:prstGeom prst="rect">
            <a:avLst/>
          </a:prstGeom>
        </p:spPr>
      </p:pic>
      <p:sp>
        <p:nvSpPr>
          <p:cNvPr id="103" name="Oval 102"/>
          <p:cNvSpPr/>
          <p:nvPr/>
        </p:nvSpPr>
        <p:spPr>
          <a:xfrm>
            <a:off x="5726592" y="1967800"/>
            <a:ext cx="584795" cy="575693"/>
          </a:xfrm>
          <a:prstGeom prst="ellipse">
            <a:avLst/>
          </a:prstGeom>
          <a:solidFill>
            <a:schemeClr val="accent5"/>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4" name="Graphic 18">
            <a:extLst>
              <a:ext uri="{FF2B5EF4-FFF2-40B4-BE49-F238E27FC236}">
                <a16:creationId xmlns:a16="http://schemas.microsoft.com/office/drawing/2014/main" id="{9BDD59BE-F85E-3E0D-8443-A3A5FE6CB200}"/>
              </a:ext>
            </a:extLst>
          </p:cNvPr>
          <p:cNvPicPr>
            <a:picLocks noChangeAspect="1"/>
          </p:cNvPicPr>
          <p:nvPr/>
        </p:nvPicPr>
        <p:blipFill>
          <a:blip r:embed="rId5" cstate="print">
            <a:biLevel thresh="25000"/>
            <a:extLst>
              <a:ext uri="{28A0092B-C50C-407E-A947-70E740481C1C}">
                <a14:useLocalDpi xmlns:a14="http://schemas.microsoft.com/office/drawing/2010/main" val="0"/>
              </a:ext>
            </a:extLst>
          </a:blip>
          <a:stretch>
            <a:fillRect/>
          </a:stretch>
        </p:blipFill>
        <p:spPr>
          <a:xfrm>
            <a:off x="5806129" y="2034989"/>
            <a:ext cx="430153" cy="430153"/>
          </a:xfrm>
          <a:prstGeom prst="rect">
            <a:avLst/>
          </a:prstGeom>
        </p:spPr>
      </p:pic>
      <p:sp>
        <p:nvSpPr>
          <p:cNvPr id="105" name="Oval 104"/>
          <p:cNvSpPr/>
          <p:nvPr/>
        </p:nvSpPr>
        <p:spPr>
          <a:xfrm>
            <a:off x="7880131" y="1956783"/>
            <a:ext cx="584795" cy="575693"/>
          </a:xfrm>
          <a:prstGeom prst="ellipse">
            <a:avLst/>
          </a:prstGeom>
          <a:solidFill>
            <a:schemeClr val="accent6"/>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2" name="Graphic 65">
            <a:extLst>
              <a:ext uri="{FF2B5EF4-FFF2-40B4-BE49-F238E27FC236}">
                <a16:creationId xmlns:a16="http://schemas.microsoft.com/office/drawing/2014/main" id="{F292E2E5-CC4C-EF56-1EF6-F1A5B836D4C0}"/>
              </a:ext>
            </a:extLst>
          </p:cNvPr>
          <p:cNvPicPr>
            <a:picLocks noChangeAspect="1"/>
          </p:cNvPicPr>
          <p:nvPr/>
        </p:nvPicPr>
        <p:blipFill>
          <a:blip r:embed="rId6" cstate="print">
            <a:biLevel thresh="25000"/>
            <a:extLst>
              <a:ext uri="{28A0092B-C50C-407E-A947-70E740481C1C}">
                <a14:useLocalDpi xmlns:a14="http://schemas.microsoft.com/office/drawing/2010/main" val="0"/>
              </a:ext>
            </a:extLst>
          </a:blip>
          <a:stretch>
            <a:fillRect/>
          </a:stretch>
        </p:blipFill>
        <p:spPr>
          <a:xfrm>
            <a:off x="7988602" y="2036044"/>
            <a:ext cx="409765" cy="409765"/>
          </a:xfrm>
          <a:prstGeom prst="rect">
            <a:avLst/>
          </a:prstGeom>
        </p:spPr>
      </p:pic>
      <p:sp>
        <p:nvSpPr>
          <p:cNvPr id="107" name="Oval 106"/>
          <p:cNvSpPr/>
          <p:nvPr/>
        </p:nvSpPr>
        <p:spPr>
          <a:xfrm>
            <a:off x="9927184" y="1956623"/>
            <a:ext cx="584795" cy="575693"/>
          </a:xfrm>
          <a:prstGeom prst="ellipse">
            <a:avLst/>
          </a:prstGeom>
          <a:solidFill>
            <a:schemeClr val="accent2"/>
          </a:solidFill>
        </p:spPr>
        <p:txBody>
          <a:bodyPr wrap="square" lIns="121920" tIns="121920" rIns="121920" bIns="121920" rtlCol="0" anchor="ctr">
            <a:noAutofit/>
          </a:bodyPr>
          <a:lstStyle/>
          <a:p>
            <a:pPr algn="ctr">
              <a:lnSpc>
                <a:spcPct val="90000"/>
              </a:lnSpc>
              <a:spcAft>
                <a:spcPts val="933"/>
              </a:spcAft>
            </a:pPr>
            <a:endParaRPr lang="en-US" sz="2400" dirty="0" err="1">
              <a:solidFill>
                <a:schemeClr val="bg1"/>
              </a:solidFill>
            </a:endParaRPr>
          </a:p>
        </p:txBody>
      </p:sp>
      <p:pic>
        <p:nvPicPr>
          <p:cNvPr id="106" name="Graphic 14">
            <a:extLst>
              <a:ext uri="{FF2B5EF4-FFF2-40B4-BE49-F238E27FC236}">
                <a16:creationId xmlns:a16="http://schemas.microsoft.com/office/drawing/2014/main" id="{22818777-2DDA-2B2B-BB1B-F58D26D5A6D9}"/>
              </a:ext>
            </a:extLst>
          </p:cNvPr>
          <p:cNvPicPr>
            <a:picLocks noChangeAspect="1"/>
          </p:cNvPicPr>
          <p:nvPr/>
        </p:nvPicPr>
        <p:blipFill>
          <a:blip r:embed="rId7" cstate="print">
            <a:biLevel thresh="25000"/>
            <a:extLst>
              <a:ext uri="{28A0092B-C50C-407E-A947-70E740481C1C}">
                <a14:useLocalDpi xmlns:a14="http://schemas.microsoft.com/office/drawing/2010/main" val="0"/>
              </a:ext>
            </a:extLst>
          </a:blip>
          <a:stretch>
            <a:fillRect/>
          </a:stretch>
        </p:blipFill>
        <p:spPr>
          <a:xfrm>
            <a:off x="10029522" y="2035796"/>
            <a:ext cx="389733" cy="389733"/>
          </a:xfrm>
          <a:prstGeom prst="rect">
            <a:avLst/>
          </a:prstGeom>
        </p:spPr>
      </p:pic>
      <p:pic>
        <p:nvPicPr>
          <p:cNvPr id="108" name="Graphic 49">
            <a:extLst>
              <a:ext uri="{FF2B5EF4-FFF2-40B4-BE49-F238E27FC236}">
                <a16:creationId xmlns:a16="http://schemas.microsoft.com/office/drawing/2014/main" id="{DAFE43FF-7129-38E2-E699-1CF99CB8A380}"/>
              </a:ext>
            </a:extLst>
          </p:cNvPr>
          <p:cNvPicPr>
            <a:picLocks noChangeAspect="1"/>
          </p:cNvPicPr>
          <p:nvPr/>
        </p:nvPicPr>
        <p:blipFill>
          <a:blip r:embed="rId8" cstate="print">
            <a:biLevel thresh="25000"/>
            <a:extLst>
              <a:ext uri="{28A0092B-C50C-407E-A947-70E740481C1C}">
                <a14:useLocalDpi xmlns:a14="http://schemas.microsoft.com/office/drawing/2010/main" val="0"/>
              </a:ext>
            </a:extLst>
          </a:blip>
          <a:stretch>
            <a:fillRect/>
          </a:stretch>
        </p:blipFill>
        <p:spPr>
          <a:xfrm>
            <a:off x="2130697" y="5187036"/>
            <a:ext cx="731707" cy="731707"/>
          </a:xfrm>
          <a:prstGeom prst="rect">
            <a:avLst/>
          </a:prstGeom>
        </p:spPr>
      </p:pic>
      <p:sp>
        <p:nvSpPr>
          <p:cNvPr id="26" name="TextBox 25"/>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27" name="TextBox 2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28" name="Picture 27"/>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9" name="Rectangle 8">
            <a:extLst>
              <a:ext uri="{FF2B5EF4-FFF2-40B4-BE49-F238E27FC236}">
                <a16:creationId xmlns:a16="http://schemas.microsoft.com/office/drawing/2014/main" id="{A6580565-4886-49F3-81D1-56B335ECC474}"/>
              </a:ext>
            </a:extLst>
          </p:cNvPr>
          <p:cNvSpPr/>
          <p:nvPr/>
        </p:nvSpPr>
        <p:spPr>
          <a:xfrm>
            <a:off x="-9685" y="4881719"/>
            <a:ext cx="12201685" cy="573255"/>
          </a:xfrm>
          <a:prstGeom prst="rect">
            <a:avLst/>
          </a:prstGeom>
          <a:gradFill>
            <a:gsLst>
              <a:gs pos="100000">
                <a:schemeClr val="tx2">
                  <a:alpha val="88000"/>
                </a:schemeClr>
              </a:gs>
              <a:gs pos="0">
                <a:schemeClr val="accent2"/>
              </a:gs>
            </a:gsLst>
            <a:lin ang="18900000" scaled="1"/>
          </a:gradFill>
          <a:ln w="50800">
            <a:noFill/>
            <a:round/>
            <a:headEnd/>
            <a:tailEnd/>
          </a:ln>
        </p:spPr>
        <p:txBody>
          <a:bodyPr vert="horz" wrap="square" lIns="121920" tIns="60960" rIns="121920" bIns="60960" numCol="1" anchor="t" anchorCtr="0" compatLnSpc="1">
            <a:prstTxWarp prst="textNoShape">
              <a:avLst/>
            </a:prstTxWarp>
          </a:bodyPr>
          <a:lstStyle/>
          <a:p>
            <a:endParaRPr lang="en-US" sz="2400" dirty="0">
              <a:solidFill>
                <a:srgbClr val="000000"/>
              </a:solidFill>
              <a:latin typeface="Franklin Gothic Book"/>
            </a:endParaRPr>
          </a:p>
        </p:txBody>
      </p:sp>
      <p:pic>
        <p:nvPicPr>
          <p:cNvPr id="29" name="Graphic 33">
            <a:extLst>
              <a:ext uri="{FF2B5EF4-FFF2-40B4-BE49-F238E27FC236}">
                <a16:creationId xmlns:a16="http://schemas.microsoft.com/office/drawing/2014/main" id="{2FD1C2AE-19BE-393A-BA3E-E72CB02958FF}"/>
              </a:ext>
            </a:extLst>
          </p:cNvPr>
          <p:cNvPicPr>
            <a:picLocks noChangeAspect="1"/>
          </p:cNvPicPr>
          <p:nvPr/>
        </p:nvPicPr>
        <p:blipFill>
          <a:blip r:embed="rId10" cstate="hqprint">
            <a:biLevel thresh="2500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1257231" y="1709906"/>
            <a:ext cx="862635" cy="862635"/>
          </a:xfrm>
          <a:prstGeom prst="rect">
            <a:avLst/>
          </a:prstGeom>
          <a:ln>
            <a:noFill/>
          </a:ln>
        </p:spPr>
      </p:pic>
    </p:spTree>
    <p:extLst>
      <p:ext uri="{BB962C8B-B14F-4D97-AF65-F5344CB8AC3E}">
        <p14:creationId xmlns:p14="http://schemas.microsoft.com/office/powerpoint/2010/main" val="2253220396"/>
      </p:ext>
    </p:extLst>
  </p:cSld>
  <p:clrMapOvr>
    <a:masterClrMapping/>
  </p:clrMapOvr>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1A2EEAB6-CC23-AC23-BE73-52253DD910F0}"/>
              </a:ext>
            </a:extLst>
          </p:cNvPr>
          <p:cNvSpPr/>
          <p:nvPr/>
        </p:nvSpPr>
        <p:spPr>
          <a:xfrm>
            <a:off x="6818774" y="0"/>
            <a:ext cx="6559526"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err="1">
              <a:ln>
                <a:noFill/>
              </a:ln>
              <a:solidFill>
                <a:srgbClr val="FFFFFF"/>
              </a:solidFill>
              <a:effectLst/>
              <a:uLnTx/>
              <a:uFillTx/>
              <a:latin typeface="Arial"/>
              <a:ea typeface="MS Gothic"/>
              <a:cs typeface="+mn-cs"/>
            </a:endParaRPr>
          </a:p>
        </p:txBody>
      </p:sp>
      <p:sp>
        <p:nvSpPr>
          <p:cNvPr id="140" name="Freeform 49">
            <a:extLst>
              <a:ext uri="{FF2B5EF4-FFF2-40B4-BE49-F238E27FC236}">
                <a16:creationId xmlns:a16="http://schemas.microsoft.com/office/drawing/2014/main" id="{2AEB169A-1158-9766-6B79-E4188C7ABAFB}"/>
              </a:ext>
            </a:extLst>
          </p:cNvPr>
          <p:cNvSpPr>
            <a:spLocks noEditPoints="1"/>
          </p:cNvSpPr>
          <p:nvPr/>
        </p:nvSpPr>
        <p:spPr bwMode="auto">
          <a:xfrm>
            <a:off x="2515318" y="1257306"/>
            <a:ext cx="582312" cy="580493"/>
          </a:xfrm>
          <a:custGeom>
            <a:avLst/>
            <a:gdLst>
              <a:gd name="T0" fmla="*/ 74 w 282"/>
              <a:gd name="T1" fmla="*/ 282 h 282"/>
              <a:gd name="T2" fmla="*/ 127 w 282"/>
              <a:gd name="T3" fmla="*/ 261 h 282"/>
              <a:gd name="T4" fmla="*/ 261 w 282"/>
              <a:gd name="T5" fmla="*/ 127 h 282"/>
              <a:gd name="T6" fmla="*/ 282 w 282"/>
              <a:gd name="T7" fmla="*/ 74 h 282"/>
              <a:gd name="T8" fmla="*/ 261 w 282"/>
              <a:gd name="T9" fmla="*/ 21 h 282"/>
              <a:gd name="T10" fmla="*/ 208 w 282"/>
              <a:gd name="T11" fmla="*/ 0 h 282"/>
              <a:gd name="T12" fmla="*/ 155 w 282"/>
              <a:gd name="T13" fmla="*/ 21 h 282"/>
              <a:gd name="T14" fmla="*/ 21 w 282"/>
              <a:gd name="T15" fmla="*/ 155 h 282"/>
              <a:gd name="T16" fmla="*/ 0 w 282"/>
              <a:gd name="T17" fmla="*/ 208 h 282"/>
              <a:gd name="T18" fmla="*/ 21 w 282"/>
              <a:gd name="T19" fmla="*/ 261 h 282"/>
              <a:gd name="T20" fmla="*/ 74 w 282"/>
              <a:gd name="T21" fmla="*/ 282 h 282"/>
              <a:gd name="T22" fmla="*/ 167 w 282"/>
              <a:gd name="T23" fmla="*/ 33 h 282"/>
              <a:gd name="T24" fmla="*/ 208 w 282"/>
              <a:gd name="T25" fmla="*/ 16 h 282"/>
              <a:gd name="T26" fmla="*/ 249 w 282"/>
              <a:gd name="T27" fmla="*/ 33 h 282"/>
              <a:gd name="T28" fmla="*/ 249 w 282"/>
              <a:gd name="T29" fmla="*/ 115 h 282"/>
              <a:gd name="T30" fmla="*/ 188 w 282"/>
              <a:gd name="T31" fmla="*/ 177 h 282"/>
              <a:gd name="T32" fmla="*/ 105 w 282"/>
              <a:gd name="T33" fmla="*/ 94 h 282"/>
              <a:gd name="T34" fmla="*/ 167 w 282"/>
              <a:gd name="T35" fmla="*/ 33 h 282"/>
              <a:gd name="T36" fmla="*/ 33 w 282"/>
              <a:gd name="T37" fmla="*/ 167 h 282"/>
              <a:gd name="T38" fmla="*/ 94 w 282"/>
              <a:gd name="T39" fmla="*/ 105 h 282"/>
              <a:gd name="T40" fmla="*/ 177 w 282"/>
              <a:gd name="T41" fmla="*/ 188 h 282"/>
              <a:gd name="T42" fmla="*/ 115 w 282"/>
              <a:gd name="T43" fmla="*/ 249 h 282"/>
              <a:gd name="T44" fmla="*/ 33 w 282"/>
              <a:gd name="T45" fmla="*/ 249 h 282"/>
              <a:gd name="T46" fmla="*/ 33 w 282"/>
              <a:gd name="T47" fmla="*/ 167 h 28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282" h="282">
                <a:moveTo>
                  <a:pt x="74" y="282"/>
                </a:moveTo>
                <a:cubicBezTo>
                  <a:pt x="94" y="282"/>
                  <a:pt x="112" y="275"/>
                  <a:pt x="127" y="261"/>
                </a:cubicBezTo>
                <a:cubicBezTo>
                  <a:pt x="261" y="127"/>
                  <a:pt x="261" y="127"/>
                  <a:pt x="261" y="127"/>
                </a:cubicBezTo>
                <a:cubicBezTo>
                  <a:pt x="275" y="112"/>
                  <a:pt x="282" y="94"/>
                  <a:pt x="282" y="74"/>
                </a:cubicBezTo>
                <a:cubicBezTo>
                  <a:pt x="282" y="54"/>
                  <a:pt x="275" y="35"/>
                  <a:pt x="261" y="21"/>
                </a:cubicBezTo>
                <a:cubicBezTo>
                  <a:pt x="247" y="7"/>
                  <a:pt x="228" y="0"/>
                  <a:pt x="208" y="0"/>
                </a:cubicBezTo>
                <a:cubicBezTo>
                  <a:pt x="188" y="0"/>
                  <a:pt x="170" y="7"/>
                  <a:pt x="155" y="21"/>
                </a:cubicBezTo>
                <a:cubicBezTo>
                  <a:pt x="21" y="155"/>
                  <a:pt x="21" y="155"/>
                  <a:pt x="21" y="155"/>
                </a:cubicBezTo>
                <a:cubicBezTo>
                  <a:pt x="7" y="170"/>
                  <a:pt x="0" y="188"/>
                  <a:pt x="0" y="208"/>
                </a:cubicBezTo>
                <a:cubicBezTo>
                  <a:pt x="0" y="228"/>
                  <a:pt x="7" y="247"/>
                  <a:pt x="21" y="261"/>
                </a:cubicBezTo>
                <a:cubicBezTo>
                  <a:pt x="35" y="275"/>
                  <a:pt x="54" y="282"/>
                  <a:pt x="74" y="282"/>
                </a:cubicBezTo>
                <a:close/>
                <a:moveTo>
                  <a:pt x="167" y="33"/>
                </a:moveTo>
                <a:cubicBezTo>
                  <a:pt x="178" y="21"/>
                  <a:pt x="193" y="16"/>
                  <a:pt x="208" y="16"/>
                </a:cubicBezTo>
                <a:cubicBezTo>
                  <a:pt x="223" y="16"/>
                  <a:pt x="238" y="21"/>
                  <a:pt x="249" y="33"/>
                </a:cubicBezTo>
                <a:cubicBezTo>
                  <a:pt x="272" y="55"/>
                  <a:pt x="272" y="92"/>
                  <a:pt x="249" y="115"/>
                </a:cubicBezTo>
                <a:cubicBezTo>
                  <a:pt x="188" y="177"/>
                  <a:pt x="188" y="177"/>
                  <a:pt x="188" y="177"/>
                </a:cubicBezTo>
                <a:cubicBezTo>
                  <a:pt x="105" y="94"/>
                  <a:pt x="105" y="94"/>
                  <a:pt x="105" y="94"/>
                </a:cubicBezTo>
                <a:lnTo>
                  <a:pt x="167" y="33"/>
                </a:lnTo>
                <a:close/>
                <a:moveTo>
                  <a:pt x="33" y="167"/>
                </a:moveTo>
                <a:cubicBezTo>
                  <a:pt x="94" y="105"/>
                  <a:pt x="94" y="105"/>
                  <a:pt x="94" y="105"/>
                </a:cubicBezTo>
                <a:cubicBezTo>
                  <a:pt x="177" y="188"/>
                  <a:pt x="177" y="188"/>
                  <a:pt x="177" y="188"/>
                </a:cubicBezTo>
                <a:cubicBezTo>
                  <a:pt x="115" y="249"/>
                  <a:pt x="115" y="249"/>
                  <a:pt x="115" y="249"/>
                </a:cubicBezTo>
                <a:cubicBezTo>
                  <a:pt x="92" y="272"/>
                  <a:pt x="55" y="272"/>
                  <a:pt x="33" y="249"/>
                </a:cubicBezTo>
                <a:cubicBezTo>
                  <a:pt x="10" y="227"/>
                  <a:pt x="10" y="190"/>
                  <a:pt x="33" y="167"/>
                </a:cubicBez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a:ea typeface="MS Gothic"/>
              <a:cs typeface="+mn-cs"/>
            </a:endParaRPr>
          </a:p>
        </p:txBody>
      </p:sp>
      <p:cxnSp>
        <p:nvCxnSpPr>
          <p:cNvPr id="152" name="Straight Connector 151">
            <a:extLst>
              <a:ext uri="{FF2B5EF4-FFF2-40B4-BE49-F238E27FC236}">
                <a16:creationId xmlns:a16="http://schemas.microsoft.com/office/drawing/2014/main" id="{44C608CB-5119-F6A9-1587-7E96B2CB5EFB}"/>
              </a:ext>
            </a:extLst>
          </p:cNvPr>
          <p:cNvCxnSpPr>
            <a:cxnSpLocks/>
          </p:cNvCxnSpPr>
          <p:nvPr/>
        </p:nvCxnSpPr>
        <p:spPr>
          <a:xfrm>
            <a:off x="4334898" y="2756948"/>
            <a:ext cx="863629"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59" name="Straight Connector 158">
            <a:extLst>
              <a:ext uri="{FF2B5EF4-FFF2-40B4-BE49-F238E27FC236}">
                <a16:creationId xmlns:a16="http://schemas.microsoft.com/office/drawing/2014/main" id="{B46EF51A-9D7F-3F27-B628-7BF3F8B4E591}"/>
              </a:ext>
            </a:extLst>
          </p:cNvPr>
          <p:cNvCxnSpPr/>
          <p:nvPr/>
        </p:nvCxnSpPr>
        <p:spPr>
          <a:xfrm>
            <a:off x="2818017" y="3399210"/>
            <a:ext cx="0" cy="2311864"/>
          </a:xfrm>
          <a:prstGeom prst="line">
            <a:avLst/>
          </a:prstGeom>
          <a:solidFill>
            <a:schemeClr val="tx2"/>
          </a:solidFill>
          <a:ln>
            <a:solidFill>
              <a:schemeClr val="bg1"/>
            </a:solidFill>
            <a:headEnd type="none" w="lg" len="lg"/>
          </a:ln>
        </p:spPr>
        <p:style>
          <a:lnRef idx="2">
            <a:schemeClr val="accent1">
              <a:shade val="50000"/>
            </a:schemeClr>
          </a:lnRef>
          <a:fillRef idx="1">
            <a:schemeClr val="accent1"/>
          </a:fillRef>
          <a:effectRef idx="0">
            <a:schemeClr val="accent1"/>
          </a:effectRef>
          <a:fontRef idx="minor">
            <a:schemeClr val="lt1"/>
          </a:fontRef>
        </p:style>
      </p:cxnSp>
      <p:cxnSp>
        <p:nvCxnSpPr>
          <p:cNvPr id="160" name="Straight Connector 159">
            <a:extLst>
              <a:ext uri="{FF2B5EF4-FFF2-40B4-BE49-F238E27FC236}">
                <a16:creationId xmlns:a16="http://schemas.microsoft.com/office/drawing/2014/main" id="{861060E1-7C8C-A28F-F653-E292962C7D8C}"/>
              </a:ext>
            </a:extLst>
          </p:cNvPr>
          <p:cNvCxnSpPr>
            <a:cxnSpLocks/>
          </p:cNvCxnSpPr>
          <p:nvPr/>
        </p:nvCxnSpPr>
        <p:spPr>
          <a:xfrm flipH="1">
            <a:off x="5248404" y="359357"/>
            <a:ext cx="673121" cy="0"/>
          </a:xfrm>
          <a:prstGeom prst="line">
            <a:avLst/>
          </a:prstGeom>
          <a:solidFill>
            <a:schemeClr val="tx2"/>
          </a:solidFill>
          <a:ln>
            <a:solidFill>
              <a:schemeClr val="bg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sp>
        <p:nvSpPr>
          <p:cNvPr id="163" name="Freeform 180">
            <a:extLst>
              <a:ext uri="{FF2B5EF4-FFF2-40B4-BE49-F238E27FC236}">
                <a16:creationId xmlns:a16="http://schemas.microsoft.com/office/drawing/2014/main" id="{AC101B40-7CE0-AD7C-DA67-C2C9652476CE}"/>
              </a:ext>
            </a:extLst>
          </p:cNvPr>
          <p:cNvSpPr>
            <a:spLocks noEditPoints="1"/>
          </p:cNvSpPr>
          <p:nvPr/>
        </p:nvSpPr>
        <p:spPr bwMode="auto">
          <a:xfrm>
            <a:off x="5559234" y="4258470"/>
            <a:ext cx="464030" cy="595050"/>
          </a:xfrm>
          <a:custGeom>
            <a:avLst/>
            <a:gdLst>
              <a:gd name="T0" fmla="*/ 225 w 225"/>
              <a:gd name="T1" fmla="*/ 184 h 289"/>
              <a:gd name="T2" fmla="*/ 184 w 225"/>
              <a:gd name="T3" fmla="*/ 144 h 289"/>
              <a:gd name="T4" fmla="*/ 144 w 225"/>
              <a:gd name="T5" fmla="*/ 184 h 289"/>
              <a:gd name="T6" fmla="*/ 177 w 225"/>
              <a:gd name="T7" fmla="*/ 224 h 289"/>
              <a:gd name="T8" fmla="*/ 177 w 225"/>
              <a:gd name="T9" fmla="*/ 236 h 289"/>
              <a:gd name="T10" fmla="*/ 140 w 225"/>
              <a:gd name="T11" fmla="*/ 273 h 289"/>
              <a:gd name="T12" fmla="*/ 104 w 225"/>
              <a:gd name="T13" fmla="*/ 236 h 289"/>
              <a:gd name="T14" fmla="*/ 104 w 225"/>
              <a:gd name="T15" fmla="*/ 155 h 289"/>
              <a:gd name="T16" fmla="*/ 192 w 225"/>
              <a:gd name="T17" fmla="*/ 59 h 289"/>
              <a:gd name="T18" fmla="*/ 192 w 225"/>
              <a:gd name="T19" fmla="*/ 0 h 289"/>
              <a:gd name="T20" fmla="*/ 129 w 225"/>
              <a:gd name="T21" fmla="*/ 0 h 289"/>
              <a:gd name="T22" fmla="*/ 129 w 225"/>
              <a:gd name="T23" fmla="*/ 16 h 289"/>
              <a:gd name="T24" fmla="*/ 176 w 225"/>
              <a:gd name="T25" fmla="*/ 16 h 289"/>
              <a:gd name="T26" fmla="*/ 176 w 225"/>
              <a:gd name="T27" fmla="*/ 59 h 289"/>
              <a:gd name="T28" fmla="*/ 96 w 225"/>
              <a:gd name="T29" fmla="*/ 139 h 289"/>
              <a:gd name="T30" fmla="*/ 16 w 225"/>
              <a:gd name="T31" fmla="*/ 59 h 289"/>
              <a:gd name="T32" fmla="*/ 16 w 225"/>
              <a:gd name="T33" fmla="*/ 16 h 289"/>
              <a:gd name="T34" fmla="*/ 64 w 225"/>
              <a:gd name="T35" fmla="*/ 16 h 289"/>
              <a:gd name="T36" fmla="*/ 64 w 225"/>
              <a:gd name="T37" fmla="*/ 0 h 289"/>
              <a:gd name="T38" fmla="*/ 0 w 225"/>
              <a:gd name="T39" fmla="*/ 0 h 289"/>
              <a:gd name="T40" fmla="*/ 0 w 225"/>
              <a:gd name="T41" fmla="*/ 59 h 289"/>
              <a:gd name="T42" fmla="*/ 88 w 225"/>
              <a:gd name="T43" fmla="*/ 155 h 289"/>
              <a:gd name="T44" fmla="*/ 88 w 225"/>
              <a:gd name="T45" fmla="*/ 236 h 289"/>
              <a:gd name="T46" fmla="*/ 140 w 225"/>
              <a:gd name="T47" fmla="*/ 289 h 289"/>
              <a:gd name="T48" fmla="*/ 193 w 225"/>
              <a:gd name="T49" fmla="*/ 236 h 289"/>
              <a:gd name="T50" fmla="*/ 193 w 225"/>
              <a:gd name="T51" fmla="*/ 224 h 289"/>
              <a:gd name="T52" fmla="*/ 225 w 225"/>
              <a:gd name="T53" fmla="*/ 184 h 289"/>
              <a:gd name="T54" fmla="*/ 184 w 225"/>
              <a:gd name="T55" fmla="*/ 209 h 289"/>
              <a:gd name="T56" fmla="*/ 160 w 225"/>
              <a:gd name="T57" fmla="*/ 184 h 289"/>
              <a:gd name="T58" fmla="*/ 184 w 225"/>
              <a:gd name="T59" fmla="*/ 160 h 289"/>
              <a:gd name="T60" fmla="*/ 209 w 225"/>
              <a:gd name="T61" fmla="*/ 184 h 289"/>
              <a:gd name="T62" fmla="*/ 184 w 225"/>
              <a:gd name="T63" fmla="*/ 209 h 28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225" h="289">
                <a:moveTo>
                  <a:pt x="225" y="184"/>
                </a:moveTo>
                <a:cubicBezTo>
                  <a:pt x="225" y="162"/>
                  <a:pt x="207" y="144"/>
                  <a:pt x="184" y="144"/>
                </a:cubicBezTo>
                <a:cubicBezTo>
                  <a:pt x="162" y="144"/>
                  <a:pt x="144" y="162"/>
                  <a:pt x="144" y="184"/>
                </a:cubicBezTo>
                <a:cubicBezTo>
                  <a:pt x="144" y="204"/>
                  <a:pt x="158" y="220"/>
                  <a:pt x="177" y="224"/>
                </a:cubicBezTo>
                <a:cubicBezTo>
                  <a:pt x="177" y="236"/>
                  <a:pt x="177" y="236"/>
                  <a:pt x="177" y="236"/>
                </a:cubicBezTo>
                <a:cubicBezTo>
                  <a:pt x="177" y="256"/>
                  <a:pt x="160" y="273"/>
                  <a:pt x="140" y="273"/>
                </a:cubicBezTo>
                <a:cubicBezTo>
                  <a:pt x="120" y="273"/>
                  <a:pt x="104" y="256"/>
                  <a:pt x="104" y="236"/>
                </a:cubicBezTo>
                <a:cubicBezTo>
                  <a:pt x="104" y="155"/>
                  <a:pt x="104" y="155"/>
                  <a:pt x="104" y="155"/>
                </a:cubicBezTo>
                <a:cubicBezTo>
                  <a:pt x="153" y="151"/>
                  <a:pt x="192" y="109"/>
                  <a:pt x="192" y="59"/>
                </a:cubicBezTo>
                <a:cubicBezTo>
                  <a:pt x="192" y="0"/>
                  <a:pt x="192" y="0"/>
                  <a:pt x="192" y="0"/>
                </a:cubicBezTo>
                <a:cubicBezTo>
                  <a:pt x="129" y="0"/>
                  <a:pt x="129" y="0"/>
                  <a:pt x="129" y="0"/>
                </a:cubicBezTo>
                <a:cubicBezTo>
                  <a:pt x="129" y="16"/>
                  <a:pt x="129" y="16"/>
                  <a:pt x="129" y="16"/>
                </a:cubicBezTo>
                <a:cubicBezTo>
                  <a:pt x="176" y="16"/>
                  <a:pt x="176" y="16"/>
                  <a:pt x="176" y="16"/>
                </a:cubicBezTo>
                <a:cubicBezTo>
                  <a:pt x="176" y="59"/>
                  <a:pt x="176" y="59"/>
                  <a:pt x="176" y="59"/>
                </a:cubicBezTo>
                <a:cubicBezTo>
                  <a:pt x="176" y="103"/>
                  <a:pt x="140" y="139"/>
                  <a:pt x="96" y="139"/>
                </a:cubicBezTo>
                <a:cubicBezTo>
                  <a:pt x="52" y="139"/>
                  <a:pt x="16" y="103"/>
                  <a:pt x="16" y="59"/>
                </a:cubicBezTo>
                <a:cubicBezTo>
                  <a:pt x="16" y="16"/>
                  <a:pt x="16" y="16"/>
                  <a:pt x="16" y="16"/>
                </a:cubicBezTo>
                <a:cubicBezTo>
                  <a:pt x="64" y="16"/>
                  <a:pt x="64" y="16"/>
                  <a:pt x="64" y="16"/>
                </a:cubicBezTo>
                <a:cubicBezTo>
                  <a:pt x="64" y="0"/>
                  <a:pt x="64" y="0"/>
                  <a:pt x="64" y="0"/>
                </a:cubicBezTo>
                <a:cubicBezTo>
                  <a:pt x="0" y="0"/>
                  <a:pt x="0" y="0"/>
                  <a:pt x="0" y="0"/>
                </a:cubicBezTo>
                <a:cubicBezTo>
                  <a:pt x="0" y="59"/>
                  <a:pt x="0" y="59"/>
                  <a:pt x="0" y="59"/>
                </a:cubicBezTo>
                <a:cubicBezTo>
                  <a:pt x="0" y="109"/>
                  <a:pt x="39" y="150"/>
                  <a:pt x="88" y="155"/>
                </a:cubicBezTo>
                <a:cubicBezTo>
                  <a:pt x="88" y="236"/>
                  <a:pt x="88" y="236"/>
                  <a:pt x="88" y="236"/>
                </a:cubicBezTo>
                <a:cubicBezTo>
                  <a:pt x="88" y="265"/>
                  <a:pt x="111" y="289"/>
                  <a:pt x="140" y="289"/>
                </a:cubicBezTo>
                <a:cubicBezTo>
                  <a:pt x="169" y="289"/>
                  <a:pt x="193" y="265"/>
                  <a:pt x="193" y="236"/>
                </a:cubicBezTo>
                <a:cubicBezTo>
                  <a:pt x="193" y="224"/>
                  <a:pt x="193" y="224"/>
                  <a:pt x="193" y="224"/>
                </a:cubicBezTo>
                <a:cubicBezTo>
                  <a:pt x="211" y="220"/>
                  <a:pt x="225" y="204"/>
                  <a:pt x="225" y="184"/>
                </a:cubicBezTo>
                <a:close/>
                <a:moveTo>
                  <a:pt x="184" y="209"/>
                </a:moveTo>
                <a:cubicBezTo>
                  <a:pt x="171" y="209"/>
                  <a:pt x="160" y="198"/>
                  <a:pt x="160" y="184"/>
                </a:cubicBezTo>
                <a:cubicBezTo>
                  <a:pt x="160" y="171"/>
                  <a:pt x="171" y="160"/>
                  <a:pt x="184" y="160"/>
                </a:cubicBezTo>
                <a:cubicBezTo>
                  <a:pt x="198" y="160"/>
                  <a:pt x="209" y="171"/>
                  <a:pt x="209" y="184"/>
                </a:cubicBezTo>
                <a:cubicBezTo>
                  <a:pt x="209" y="198"/>
                  <a:pt x="198" y="209"/>
                  <a:pt x="184" y="209"/>
                </a:cubicBez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a:ea typeface="MS Gothic"/>
              <a:cs typeface="+mn-cs"/>
            </a:endParaRPr>
          </a:p>
        </p:txBody>
      </p:sp>
      <p:cxnSp>
        <p:nvCxnSpPr>
          <p:cNvPr id="164" name="Straight Connector 163">
            <a:extLst>
              <a:ext uri="{FF2B5EF4-FFF2-40B4-BE49-F238E27FC236}">
                <a16:creationId xmlns:a16="http://schemas.microsoft.com/office/drawing/2014/main" id="{ACE8D88F-A876-3E84-27B4-5DDFFAC24660}"/>
              </a:ext>
            </a:extLst>
          </p:cNvPr>
          <p:cNvCxnSpPr>
            <a:cxnSpLocks/>
          </p:cNvCxnSpPr>
          <p:nvPr/>
        </p:nvCxnSpPr>
        <p:spPr>
          <a:xfrm flipH="1">
            <a:off x="3910965" y="2169932"/>
            <a:ext cx="1885583" cy="0"/>
          </a:xfrm>
          <a:prstGeom prst="line">
            <a:avLst/>
          </a:prstGeom>
          <a:solidFill>
            <a:schemeClr val="tx2"/>
          </a:solidFill>
          <a:ln>
            <a:solidFill>
              <a:schemeClr val="bg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167" name="Connector: Elbow 166">
            <a:extLst>
              <a:ext uri="{FF2B5EF4-FFF2-40B4-BE49-F238E27FC236}">
                <a16:creationId xmlns:a16="http://schemas.microsoft.com/office/drawing/2014/main" id="{F0026DC6-85D6-4ABD-607E-064700D891C7}"/>
              </a:ext>
            </a:extLst>
          </p:cNvPr>
          <p:cNvCxnSpPr>
            <a:cxnSpLocks/>
          </p:cNvCxnSpPr>
          <p:nvPr/>
        </p:nvCxnSpPr>
        <p:spPr>
          <a:xfrm>
            <a:off x="3945965" y="2758051"/>
            <a:ext cx="2468880" cy="731520"/>
          </a:xfrm>
          <a:prstGeom prst="bentConnector3">
            <a:avLst>
              <a:gd name="adj1" fmla="val 50963"/>
            </a:avLst>
          </a:prstGeom>
          <a:solidFill>
            <a:schemeClr val="tx2"/>
          </a:solidFill>
          <a:ln>
            <a:solidFill>
              <a:schemeClr val="bg2"/>
            </a:solidFill>
            <a:tail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174" name="Straight Connector 173">
            <a:extLst>
              <a:ext uri="{FF2B5EF4-FFF2-40B4-BE49-F238E27FC236}">
                <a16:creationId xmlns:a16="http://schemas.microsoft.com/office/drawing/2014/main" id="{C18593B5-7232-629F-7792-AB9A6C4E25E4}"/>
              </a:ext>
            </a:extLst>
          </p:cNvPr>
          <p:cNvCxnSpPr>
            <a:cxnSpLocks/>
          </p:cNvCxnSpPr>
          <p:nvPr/>
        </p:nvCxnSpPr>
        <p:spPr>
          <a:xfrm flipH="1">
            <a:off x="4077677" y="3946538"/>
            <a:ext cx="1120850" cy="0"/>
          </a:xfrm>
          <a:prstGeom prst="line">
            <a:avLst/>
          </a:prstGeom>
          <a:solidFill>
            <a:schemeClr val="tx2"/>
          </a:solidFill>
          <a:ln>
            <a:solidFill>
              <a:schemeClr val="bg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175" name="Connector: Elbow 174">
            <a:extLst>
              <a:ext uri="{FF2B5EF4-FFF2-40B4-BE49-F238E27FC236}">
                <a16:creationId xmlns:a16="http://schemas.microsoft.com/office/drawing/2014/main" id="{68F7AC5C-BA6F-5302-535B-7097AFB86568}"/>
              </a:ext>
            </a:extLst>
          </p:cNvPr>
          <p:cNvCxnSpPr>
            <a:cxnSpLocks/>
          </p:cNvCxnSpPr>
          <p:nvPr/>
        </p:nvCxnSpPr>
        <p:spPr>
          <a:xfrm rot="16200000" flipH="1">
            <a:off x="3157894" y="3686980"/>
            <a:ext cx="2286000" cy="1783080"/>
          </a:xfrm>
          <a:prstGeom prst="bentConnector3">
            <a:avLst>
              <a:gd name="adj1" fmla="val 48506"/>
            </a:avLst>
          </a:prstGeom>
          <a:solidFill>
            <a:schemeClr val="tx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cxnSp>
      <p:cxnSp>
        <p:nvCxnSpPr>
          <p:cNvPr id="177" name="Connector: Elbow 176">
            <a:extLst>
              <a:ext uri="{FF2B5EF4-FFF2-40B4-BE49-F238E27FC236}">
                <a16:creationId xmlns:a16="http://schemas.microsoft.com/office/drawing/2014/main" id="{57E65568-9A28-27C4-174E-F0C829736F90}"/>
              </a:ext>
            </a:extLst>
          </p:cNvPr>
          <p:cNvCxnSpPr>
            <a:cxnSpLocks/>
          </p:cNvCxnSpPr>
          <p:nvPr/>
        </p:nvCxnSpPr>
        <p:spPr>
          <a:xfrm rot="5400000">
            <a:off x="3472090" y="860697"/>
            <a:ext cx="2286000" cy="1280160"/>
          </a:xfrm>
          <a:prstGeom prst="bentConnector3">
            <a:avLst>
              <a:gd name="adj1" fmla="val 52506"/>
            </a:avLst>
          </a:prstGeom>
          <a:solidFill>
            <a:schemeClr val="tx2"/>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cxnSp>
      <p:sp>
        <p:nvSpPr>
          <p:cNvPr id="180" name="Oval 179">
            <a:extLst>
              <a:ext uri="{FF2B5EF4-FFF2-40B4-BE49-F238E27FC236}">
                <a16:creationId xmlns:a16="http://schemas.microsoft.com/office/drawing/2014/main" id="{F2CD151A-6EED-E05E-37B8-B8E07A5DC0C8}"/>
              </a:ext>
            </a:extLst>
          </p:cNvPr>
          <p:cNvSpPr/>
          <p:nvPr/>
        </p:nvSpPr>
        <p:spPr>
          <a:xfrm>
            <a:off x="2384890" y="2024625"/>
            <a:ext cx="2056281" cy="2056281"/>
          </a:xfrm>
          <a:prstGeom prst="ellipse">
            <a:avLst/>
          </a:prstGeom>
          <a:solidFill>
            <a:schemeClr val="accent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marL="0" marR="0" lvl="0" indent="0" algn="ctr" defTabSz="914400" rtl="0" eaLnBrk="1" fontAlgn="auto" latinLnBrk="0" hangingPunct="1">
              <a:lnSpc>
                <a:spcPct val="100000"/>
              </a:lnSpc>
              <a:spcBef>
                <a:spcPts val="0"/>
              </a:spcBef>
              <a:spcAft>
                <a:spcPts val="1200"/>
              </a:spcAft>
              <a:buClrTx/>
              <a:buSzTx/>
              <a:buFontTx/>
              <a:buNone/>
              <a:tabLst/>
              <a:defRPr/>
            </a:pPr>
            <a:endParaRPr kumimoji="0" lang="en-US" sz="1400" b="0" i="0" u="none" strike="noStrike" kern="1200" cap="none" spc="0" normalizeH="0" baseline="0" noProof="0" dirty="0" err="1">
              <a:ln>
                <a:noFill/>
              </a:ln>
              <a:solidFill>
                <a:srgbClr val="FFFFFF"/>
              </a:solidFill>
              <a:effectLst/>
              <a:uLnTx/>
              <a:uFillTx/>
              <a:latin typeface="Arial"/>
              <a:ea typeface="MS Gothic"/>
              <a:cs typeface="+mn-cs"/>
            </a:endParaRPr>
          </a:p>
        </p:txBody>
      </p:sp>
      <p:sp>
        <p:nvSpPr>
          <p:cNvPr id="181" name="Rectangle 1023">
            <a:extLst>
              <a:ext uri="{FF2B5EF4-FFF2-40B4-BE49-F238E27FC236}">
                <a16:creationId xmlns:a16="http://schemas.microsoft.com/office/drawing/2014/main" id="{262DDECE-B821-F869-D751-3733E681C062}"/>
              </a:ext>
            </a:extLst>
          </p:cNvPr>
          <p:cNvSpPr/>
          <p:nvPr/>
        </p:nvSpPr>
        <p:spPr>
          <a:xfrm rot="5400000">
            <a:off x="2345038" y="976127"/>
            <a:ext cx="932314" cy="1187550"/>
          </a:xfrm>
          <a:custGeom>
            <a:avLst/>
            <a:gdLst>
              <a:gd name="connsiteX0" fmla="*/ 0 w 1955926"/>
              <a:gd name="connsiteY0" fmla="*/ 0 h 1226319"/>
              <a:gd name="connsiteX1" fmla="*/ 1955926 w 1955926"/>
              <a:gd name="connsiteY1" fmla="*/ 0 h 1226319"/>
              <a:gd name="connsiteX2" fmla="*/ 1955926 w 1955926"/>
              <a:gd name="connsiteY2" fmla="*/ 1226319 h 1226319"/>
              <a:gd name="connsiteX3" fmla="*/ 0 w 1955926"/>
              <a:gd name="connsiteY3" fmla="*/ 1226319 h 1226319"/>
              <a:gd name="connsiteX4" fmla="*/ 0 w 1955926"/>
              <a:gd name="connsiteY4" fmla="*/ 0 h 122631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1955926"/>
              <a:gd name="connsiteY0" fmla="*/ 1226319 h 1226319"/>
              <a:gd name="connsiteX1" fmla="*/ 0 w 1955926"/>
              <a:gd name="connsiteY1" fmla="*/ 1226319 h 1226319"/>
              <a:gd name="connsiteX2" fmla="*/ 0 w 1955926"/>
              <a:gd name="connsiteY2" fmla="*/ 0 h 1226319"/>
              <a:gd name="connsiteX3" fmla="*/ 1955926 w 1955926"/>
              <a:gd name="connsiteY3" fmla="*/ 0 h 1226319"/>
              <a:gd name="connsiteX0" fmla="*/ 0 w 1955926"/>
              <a:gd name="connsiteY0" fmla="*/ 1226319 h 1226319"/>
              <a:gd name="connsiteX1" fmla="*/ 0 w 1955926"/>
              <a:gd name="connsiteY1" fmla="*/ 0 h 1226319"/>
              <a:gd name="connsiteX2" fmla="*/ 1955926 w 1955926"/>
              <a:gd name="connsiteY2" fmla="*/ 0 h 1226319"/>
            </a:gdLst>
            <a:ahLst/>
            <a:cxnLst>
              <a:cxn ang="0">
                <a:pos x="connsiteX0" y="connsiteY0"/>
              </a:cxn>
              <a:cxn ang="0">
                <a:pos x="connsiteX1" y="connsiteY1"/>
              </a:cxn>
              <a:cxn ang="0">
                <a:pos x="connsiteX2" y="connsiteY2"/>
              </a:cxn>
            </a:cxnLst>
            <a:rect l="l" t="t" r="r" b="b"/>
            <a:pathLst>
              <a:path w="1955926" h="1226319">
                <a:moveTo>
                  <a:pt x="0" y="1226319"/>
                </a:moveTo>
                <a:lnTo>
                  <a:pt x="0" y="0"/>
                </a:lnTo>
                <a:lnTo>
                  <a:pt x="1955926" y="0"/>
                </a:lnTo>
              </a:path>
            </a:pathLst>
          </a:custGeom>
          <a:noFill/>
          <a:ln>
            <a:solidFill>
              <a:schemeClr val="accent1"/>
            </a:solidFill>
            <a:headEnd type="oval" w="lg" len="lg"/>
            <a:tailEnd type="none" w="lg" len="lg"/>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err="1">
              <a:ln>
                <a:noFill/>
              </a:ln>
              <a:solidFill>
                <a:srgbClr val="FFFFFF"/>
              </a:solidFill>
              <a:effectLst/>
              <a:uLnTx/>
              <a:uFillTx/>
              <a:latin typeface="Arial"/>
              <a:ea typeface="MS Gothic"/>
              <a:cs typeface="+mn-cs"/>
            </a:endParaRPr>
          </a:p>
        </p:txBody>
      </p:sp>
      <p:pic>
        <p:nvPicPr>
          <p:cNvPr id="182" name="Picture 181">
            <a:extLst>
              <a:ext uri="{FF2B5EF4-FFF2-40B4-BE49-F238E27FC236}">
                <a16:creationId xmlns:a16="http://schemas.microsoft.com/office/drawing/2014/main" id="{0831A7BD-C841-8C0D-2E81-A0891BBBE2B4}"/>
              </a:ext>
            </a:extLst>
          </p:cNvPr>
          <p:cNvPicPr>
            <a:picLocks noChangeAspect="1"/>
          </p:cNvPicPr>
          <p:nvPr/>
        </p:nvPicPr>
        <p:blipFill rotWithShape="1">
          <a:blip r:embed="rId3"/>
          <a:srcRect l="17531" t="10960" r="10294" b="9736"/>
          <a:stretch/>
        </p:blipFill>
        <p:spPr>
          <a:xfrm>
            <a:off x="2420724" y="2058345"/>
            <a:ext cx="1994918" cy="1991161"/>
          </a:xfrm>
          <a:prstGeom prst="ellipse">
            <a:avLst/>
          </a:prstGeom>
        </p:spPr>
      </p:pic>
      <p:grpSp>
        <p:nvGrpSpPr>
          <p:cNvPr id="183" name="Group 182">
            <a:extLst>
              <a:ext uri="{FF2B5EF4-FFF2-40B4-BE49-F238E27FC236}">
                <a16:creationId xmlns:a16="http://schemas.microsoft.com/office/drawing/2014/main" id="{FBAF2BDD-7E68-C437-8B00-C736BD11B71B}"/>
              </a:ext>
            </a:extLst>
          </p:cNvPr>
          <p:cNvGrpSpPr/>
          <p:nvPr/>
        </p:nvGrpSpPr>
        <p:grpSpPr>
          <a:xfrm>
            <a:off x="3881704" y="2088872"/>
            <a:ext cx="175912" cy="175912"/>
            <a:chOff x="3881704" y="2088872"/>
            <a:chExt cx="175912" cy="175912"/>
          </a:xfrm>
        </p:grpSpPr>
        <p:sp>
          <p:nvSpPr>
            <p:cNvPr id="184" name="Oval 183">
              <a:extLst>
                <a:ext uri="{FF2B5EF4-FFF2-40B4-BE49-F238E27FC236}">
                  <a16:creationId xmlns:a16="http://schemas.microsoft.com/office/drawing/2014/main" id="{C74710EA-4C6C-3113-AB25-BCBB2511AD27}"/>
                </a:ext>
              </a:extLst>
            </p:cNvPr>
            <p:cNvSpPr/>
            <p:nvPr/>
          </p:nvSpPr>
          <p:spPr>
            <a:xfrm>
              <a:off x="3881704" y="2088872"/>
              <a:ext cx="175912" cy="175912"/>
            </a:xfrm>
            <a:prstGeom prst="ellipse">
              <a:avLst/>
            </a:prstGeom>
            <a:solidFill>
              <a:schemeClr val="accent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algn="ctr">
                <a:spcAft>
                  <a:spcPts val="1200"/>
                </a:spcAft>
              </a:pPr>
              <a:endParaRPr lang="en-US" sz="200" cap="all" spc="150" dirty="0" err="1">
                <a:solidFill>
                  <a:srgbClr val="000000"/>
                </a:solidFill>
                <a:highlight>
                  <a:srgbClr val="3EFFC0"/>
                </a:highlight>
                <a:latin typeface="Consolas" panose="020B0609020204030204" pitchFamily="49" charset="0"/>
                <a:ea typeface="MS Gothic"/>
              </a:endParaRPr>
            </a:p>
          </p:txBody>
        </p:sp>
        <p:sp>
          <p:nvSpPr>
            <p:cNvPr id="185" name="Oval 184">
              <a:extLst>
                <a:ext uri="{FF2B5EF4-FFF2-40B4-BE49-F238E27FC236}">
                  <a16:creationId xmlns:a16="http://schemas.microsoft.com/office/drawing/2014/main" id="{F76C77AD-1941-75D9-FBB0-67872C9E5CD1}"/>
                </a:ext>
              </a:extLst>
            </p:cNvPr>
            <p:cNvSpPr/>
            <p:nvPr/>
          </p:nvSpPr>
          <p:spPr>
            <a:xfrm>
              <a:off x="3905799" y="2112967"/>
              <a:ext cx="127723" cy="12772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marL="0" marR="0" lvl="0" indent="0" algn="ctr" defTabSz="914400" rtl="0" eaLnBrk="1" fontAlgn="auto" latinLnBrk="0" hangingPunct="1">
                <a:lnSpc>
                  <a:spcPct val="100000"/>
                </a:lnSpc>
                <a:spcBef>
                  <a:spcPts val="0"/>
                </a:spcBef>
                <a:spcAft>
                  <a:spcPts val="1200"/>
                </a:spcAft>
                <a:buClrTx/>
                <a:buSzTx/>
                <a:buFontTx/>
                <a:buNone/>
                <a:tabLst/>
                <a:defRPr/>
              </a:pPr>
              <a:endParaRPr kumimoji="0" lang="en-US" sz="200" b="0" i="0" u="none" strike="noStrike" kern="1200" cap="all" spc="150" normalizeH="0" baseline="0" noProof="0" dirty="0" err="1">
                <a:ln>
                  <a:noFill/>
                </a:ln>
                <a:solidFill>
                  <a:srgbClr val="000000"/>
                </a:solidFill>
                <a:effectLst/>
                <a:highlight>
                  <a:srgbClr val="3EFFC0"/>
                </a:highlight>
                <a:uLnTx/>
                <a:uFillTx/>
                <a:latin typeface="Consolas" panose="020B0609020204030204" pitchFamily="49" charset="0"/>
                <a:ea typeface="MS Gothic"/>
                <a:cs typeface="+mn-cs"/>
              </a:endParaRPr>
            </a:p>
          </p:txBody>
        </p:sp>
      </p:grpSp>
      <p:grpSp>
        <p:nvGrpSpPr>
          <p:cNvPr id="186" name="Group 185">
            <a:extLst>
              <a:ext uri="{FF2B5EF4-FFF2-40B4-BE49-F238E27FC236}">
                <a16:creationId xmlns:a16="http://schemas.microsoft.com/office/drawing/2014/main" id="{E101E47D-2185-BC7C-606C-A04B3865CDDC}"/>
              </a:ext>
            </a:extLst>
          </p:cNvPr>
          <p:cNvGrpSpPr/>
          <p:nvPr/>
        </p:nvGrpSpPr>
        <p:grpSpPr>
          <a:xfrm>
            <a:off x="3324463" y="1931146"/>
            <a:ext cx="175912" cy="175912"/>
            <a:chOff x="3881704" y="2088872"/>
            <a:chExt cx="175912" cy="175912"/>
          </a:xfrm>
        </p:grpSpPr>
        <p:sp>
          <p:nvSpPr>
            <p:cNvPr id="187" name="Oval 186">
              <a:extLst>
                <a:ext uri="{FF2B5EF4-FFF2-40B4-BE49-F238E27FC236}">
                  <a16:creationId xmlns:a16="http://schemas.microsoft.com/office/drawing/2014/main" id="{19769BBB-BF40-9408-CA9D-BB9C22B36116}"/>
                </a:ext>
              </a:extLst>
            </p:cNvPr>
            <p:cNvSpPr/>
            <p:nvPr/>
          </p:nvSpPr>
          <p:spPr>
            <a:xfrm>
              <a:off x="3881704" y="2088872"/>
              <a:ext cx="175912" cy="175912"/>
            </a:xfrm>
            <a:prstGeom prst="ellipse">
              <a:avLst/>
            </a:prstGeom>
            <a:solidFill>
              <a:schemeClr val="accent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algn="ctr">
                <a:spcAft>
                  <a:spcPts val="1200"/>
                </a:spcAft>
              </a:pPr>
              <a:endParaRPr lang="en-US" sz="200" cap="all" spc="150" dirty="0" err="1">
                <a:solidFill>
                  <a:srgbClr val="000000"/>
                </a:solidFill>
                <a:highlight>
                  <a:srgbClr val="3EFFC0"/>
                </a:highlight>
                <a:latin typeface="Consolas" panose="020B0609020204030204" pitchFamily="49" charset="0"/>
                <a:ea typeface="MS Gothic"/>
              </a:endParaRPr>
            </a:p>
          </p:txBody>
        </p:sp>
        <p:sp>
          <p:nvSpPr>
            <p:cNvPr id="188" name="Oval 187">
              <a:extLst>
                <a:ext uri="{FF2B5EF4-FFF2-40B4-BE49-F238E27FC236}">
                  <a16:creationId xmlns:a16="http://schemas.microsoft.com/office/drawing/2014/main" id="{BB07B7D1-C283-DFAC-B599-2304AFF8BB00}"/>
                </a:ext>
              </a:extLst>
            </p:cNvPr>
            <p:cNvSpPr/>
            <p:nvPr/>
          </p:nvSpPr>
          <p:spPr>
            <a:xfrm>
              <a:off x="3905799" y="2112967"/>
              <a:ext cx="127723" cy="12772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marL="0" marR="0" lvl="0" indent="0" algn="ctr" defTabSz="914400" rtl="0" eaLnBrk="1" fontAlgn="auto" latinLnBrk="0" hangingPunct="1">
                <a:lnSpc>
                  <a:spcPct val="100000"/>
                </a:lnSpc>
                <a:spcBef>
                  <a:spcPts val="0"/>
                </a:spcBef>
                <a:spcAft>
                  <a:spcPts val="1200"/>
                </a:spcAft>
                <a:buClrTx/>
                <a:buSzTx/>
                <a:buFontTx/>
                <a:buNone/>
                <a:tabLst/>
                <a:defRPr/>
              </a:pPr>
              <a:endParaRPr kumimoji="0" lang="en-US" sz="200" b="0" i="0" u="none" strike="noStrike" kern="1200" cap="all" spc="150" normalizeH="0" baseline="0" noProof="0" dirty="0" err="1">
                <a:ln>
                  <a:noFill/>
                </a:ln>
                <a:solidFill>
                  <a:srgbClr val="000000"/>
                </a:solidFill>
                <a:effectLst/>
                <a:highlight>
                  <a:srgbClr val="3EFFC0"/>
                </a:highlight>
                <a:uLnTx/>
                <a:uFillTx/>
                <a:latin typeface="Consolas" panose="020B0609020204030204" pitchFamily="49" charset="0"/>
                <a:ea typeface="MS Gothic"/>
                <a:cs typeface="+mn-cs"/>
              </a:endParaRPr>
            </a:p>
          </p:txBody>
        </p:sp>
      </p:grpSp>
      <p:grpSp>
        <p:nvGrpSpPr>
          <p:cNvPr id="189" name="Group 188">
            <a:extLst>
              <a:ext uri="{FF2B5EF4-FFF2-40B4-BE49-F238E27FC236}">
                <a16:creationId xmlns:a16="http://schemas.microsoft.com/office/drawing/2014/main" id="{C17BA200-2EF6-EFF1-520B-6E4D3ED56E41}"/>
              </a:ext>
            </a:extLst>
          </p:cNvPr>
          <p:cNvGrpSpPr/>
          <p:nvPr/>
        </p:nvGrpSpPr>
        <p:grpSpPr>
          <a:xfrm>
            <a:off x="4315823" y="2674942"/>
            <a:ext cx="175912" cy="175912"/>
            <a:chOff x="3881704" y="2088872"/>
            <a:chExt cx="175912" cy="175912"/>
          </a:xfrm>
        </p:grpSpPr>
        <p:sp>
          <p:nvSpPr>
            <p:cNvPr id="190" name="Oval 189">
              <a:extLst>
                <a:ext uri="{FF2B5EF4-FFF2-40B4-BE49-F238E27FC236}">
                  <a16:creationId xmlns:a16="http://schemas.microsoft.com/office/drawing/2014/main" id="{875940E4-CAAE-106A-D8D3-C15D07C63526}"/>
                </a:ext>
              </a:extLst>
            </p:cNvPr>
            <p:cNvSpPr/>
            <p:nvPr/>
          </p:nvSpPr>
          <p:spPr>
            <a:xfrm>
              <a:off x="3881704" y="2088872"/>
              <a:ext cx="175912" cy="175912"/>
            </a:xfrm>
            <a:prstGeom prst="ellipse">
              <a:avLst/>
            </a:prstGeom>
            <a:solidFill>
              <a:schemeClr val="accent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algn="ctr">
                <a:spcAft>
                  <a:spcPts val="1200"/>
                </a:spcAft>
              </a:pPr>
              <a:endParaRPr lang="en-US" sz="200" cap="all" spc="150" dirty="0" err="1">
                <a:solidFill>
                  <a:srgbClr val="000000"/>
                </a:solidFill>
                <a:highlight>
                  <a:srgbClr val="3EFFC0"/>
                </a:highlight>
                <a:latin typeface="Consolas" panose="020B0609020204030204" pitchFamily="49" charset="0"/>
                <a:ea typeface="MS Gothic"/>
              </a:endParaRPr>
            </a:p>
          </p:txBody>
        </p:sp>
        <p:sp>
          <p:nvSpPr>
            <p:cNvPr id="191" name="Oval 190">
              <a:extLst>
                <a:ext uri="{FF2B5EF4-FFF2-40B4-BE49-F238E27FC236}">
                  <a16:creationId xmlns:a16="http://schemas.microsoft.com/office/drawing/2014/main" id="{CD29F0FF-2E6C-7E6B-2FC0-F2392217246F}"/>
                </a:ext>
              </a:extLst>
            </p:cNvPr>
            <p:cNvSpPr/>
            <p:nvPr/>
          </p:nvSpPr>
          <p:spPr>
            <a:xfrm>
              <a:off x="3905799" y="2112967"/>
              <a:ext cx="127723" cy="12772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marL="0" marR="0" lvl="0" indent="0" algn="ctr" defTabSz="914400" rtl="0" eaLnBrk="1" fontAlgn="auto" latinLnBrk="0" hangingPunct="1">
                <a:lnSpc>
                  <a:spcPct val="100000"/>
                </a:lnSpc>
                <a:spcBef>
                  <a:spcPts val="0"/>
                </a:spcBef>
                <a:spcAft>
                  <a:spcPts val="1200"/>
                </a:spcAft>
                <a:buClrTx/>
                <a:buSzTx/>
                <a:buFontTx/>
                <a:buNone/>
                <a:tabLst/>
                <a:defRPr/>
              </a:pPr>
              <a:endParaRPr kumimoji="0" lang="en-US" sz="200" b="0" i="0" u="none" strike="noStrike" kern="1200" cap="all" spc="150" normalizeH="0" baseline="0" noProof="0" dirty="0" err="1">
                <a:ln>
                  <a:noFill/>
                </a:ln>
                <a:solidFill>
                  <a:srgbClr val="000000"/>
                </a:solidFill>
                <a:effectLst/>
                <a:highlight>
                  <a:srgbClr val="3EFFC0"/>
                </a:highlight>
                <a:uLnTx/>
                <a:uFillTx/>
                <a:latin typeface="Consolas" panose="020B0609020204030204" pitchFamily="49" charset="0"/>
                <a:ea typeface="MS Gothic"/>
                <a:cs typeface="+mn-cs"/>
              </a:endParaRPr>
            </a:p>
          </p:txBody>
        </p:sp>
      </p:grpSp>
      <p:grpSp>
        <p:nvGrpSpPr>
          <p:cNvPr id="192" name="Group 191">
            <a:extLst>
              <a:ext uri="{FF2B5EF4-FFF2-40B4-BE49-F238E27FC236}">
                <a16:creationId xmlns:a16="http://schemas.microsoft.com/office/drawing/2014/main" id="{7CC91EC4-AEA9-A47C-95BB-CB4969257AE6}"/>
              </a:ext>
            </a:extLst>
          </p:cNvPr>
          <p:cNvGrpSpPr/>
          <p:nvPr/>
        </p:nvGrpSpPr>
        <p:grpSpPr>
          <a:xfrm>
            <a:off x="3345211" y="3997986"/>
            <a:ext cx="175912" cy="175912"/>
            <a:chOff x="3881704" y="2088872"/>
            <a:chExt cx="175912" cy="175912"/>
          </a:xfrm>
        </p:grpSpPr>
        <p:sp>
          <p:nvSpPr>
            <p:cNvPr id="193" name="Oval 192">
              <a:extLst>
                <a:ext uri="{FF2B5EF4-FFF2-40B4-BE49-F238E27FC236}">
                  <a16:creationId xmlns:a16="http://schemas.microsoft.com/office/drawing/2014/main" id="{0C18B84D-1B93-5B58-147D-734EED84416A}"/>
                </a:ext>
              </a:extLst>
            </p:cNvPr>
            <p:cNvSpPr/>
            <p:nvPr/>
          </p:nvSpPr>
          <p:spPr>
            <a:xfrm>
              <a:off x="3881704" y="2088872"/>
              <a:ext cx="175912" cy="175912"/>
            </a:xfrm>
            <a:prstGeom prst="ellipse">
              <a:avLst/>
            </a:prstGeom>
            <a:solidFill>
              <a:schemeClr val="accent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algn="ctr">
                <a:spcAft>
                  <a:spcPts val="1200"/>
                </a:spcAft>
              </a:pPr>
              <a:endParaRPr lang="en-US" sz="200" cap="all" spc="150" dirty="0" err="1">
                <a:solidFill>
                  <a:srgbClr val="000000"/>
                </a:solidFill>
                <a:highlight>
                  <a:srgbClr val="3EFFC0"/>
                </a:highlight>
                <a:latin typeface="Consolas" panose="020B0609020204030204" pitchFamily="49" charset="0"/>
                <a:ea typeface="MS Gothic"/>
              </a:endParaRPr>
            </a:p>
          </p:txBody>
        </p:sp>
        <p:sp>
          <p:nvSpPr>
            <p:cNvPr id="194" name="Oval 193">
              <a:extLst>
                <a:ext uri="{FF2B5EF4-FFF2-40B4-BE49-F238E27FC236}">
                  <a16:creationId xmlns:a16="http://schemas.microsoft.com/office/drawing/2014/main" id="{6D540DB0-B37C-29DD-23AE-B5054D070A20}"/>
                </a:ext>
              </a:extLst>
            </p:cNvPr>
            <p:cNvSpPr/>
            <p:nvPr/>
          </p:nvSpPr>
          <p:spPr>
            <a:xfrm>
              <a:off x="3905799" y="2112967"/>
              <a:ext cx="127723" cy="12772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marL="0" marR="0" lvl="0" indent="0" algn="ctr" defTabSz="914400" rtl="0" eaLnBrk="1" fontAlgn="auto" latinLnBrk="0" hangingPunct="1">
                <a:lnSpc>
                  <a:spcPct val="100000"/>
                </a:lnSpc>
                <a:spcBef>
                  <a:spcPts val="0"/>
                </a:spcBef>
                <a:spcAft>
                  <a:spcPts val="1200"/>
                </a:spcAft>
                <a:buClrTx/>
                <a:buSzTx/>
                <a:buFontTx/>
                <a:buNone/>
                <a:tabLst/>
                <a:defRPr/>
              </a:pPr>
              <a:endParaRPr kumimoji="0" lang="en-US" sz="200" b="0" i="0" u="none" strike="noStrike" kern="1200" cap="all" spc="150" normalizeH="0" baseline="0" noProof="0" dirty="0" err="1">
                <a:ln>
                  <a:noFill/>
                </a:ln>
                <a:solidFill>
                  <a:srgbClr val="000000"/>
                </a:solidFill>
                <a:effectLst/>
                <a:highlight>
                  <a:srgbClr val="3EFFC0"/>
                </a:highlight>
                <a:uLnTx/>
                <a:uFillTx/>
                <a:latin typeface="Consolas" panose="020B0609020204030204" pitchFamily="49" charset="0"/>
                <a:ea typeface="MS Gothic"/>
                <a:cs typeface="+mn-cs"/>
              </a:endParaRPr>
            </a:p>
          </p:txBody>
        </p:sp>
      </p:grpSp>
      <p:cxnSp>
        <p:nvCxnSpPr>
          <p:cNvPr id="197" name="Connector: Elbow 196">
            <a:extLst>
              <a:ext uri="{FF2B5EF4-FFF2-40B4-BE49-F238E27FC236}">
                <a16:creationId xmlns:a16="http://schemas.microsoft.com/office/drawing/2014/main" id="{CB0A6D35-B167-6632-FC40-FB41A5D80713}"/>
              </a:ext>
            </a:extLst>
          </p:cNvPr>
          <p:cNvCxnSpPr>
            <a:cxnSpLocks/>
          </p:cNvCxnSpPr>
          <p:nvPr/>
        </p:nvCxnSpPr>
        <p:spPr>
          <a:xfrm flipH="1">
            <a:off x="5182735" y="5130824"/>
            <a:ext cx="1097280" cy="594360"/>
          </a:xfrm>
          <a:prstGeom prst="bentConnector3">
            <a:avLst>
              <a:gd name="adj1" fmla="val 41704"/>
            </a:avLst>
          </a:prstGeom>
          <a:solidFill>
            <a:schemeClr val="tx2"/>
          </a:solidFill>
          <a:ln>
            <a:solidFill>
              <a:schemeClr val="accent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198" name="Connector: Elbow 197">
            <a:extLst>
              <a:ext uri="{FF2B5EF4-FFF2-40B4-BE49-F238E27FC236}">
                <a16:creationId xmlns:a16="http://schemas.microsoft.com/office/drawing/2014/main" id="{36B20D6E-05AA-9CB5-1F50-CD478CA7E335}"/>
              </a:ext>
            </a:extLst>
          </p:cNvPr>
          <p:cNvCxnSpPr>
            <a:cxnSpLocks/>
          </p:cNvCxnSpPr>
          <p:nvPr/>
        </p:nvCxnSpPr>
        <p:spPr>
          <a:xfrm>
            <a:off x="-8050" y="4559815"/>
            <a:ext cx="2834640" cy="1188720"/>
          </a:xfrm>
          <a:prstGeom prst="bentConnector3">
            <a:avLst>
              <a:gd name="adj1" fmla="val 35654"/>
            </a:avLst>
          </a:prstGeom>
          <a:solidFill>
            <a:schemeClr val="tx2"/>
          </a:solidFill>
          <a:ln>
            <a:solidFill>
              <a:schemeClr val="bg1"/>
            </a:solidFill>
            <a:tail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201" name="Connector: Elbow 200">
            <a:extLst>
              <a:ext uri="{FF2B5EF4-FFF2-40B4-BE49-F238E27FC236}">
                <a16:creationId xmlns:a16="http://schemas.microsoft.com/office/drawing/2014/main" id="{4C35A1A4-CC95-4F29-835E-E58C2A8BB8FE}"/>
              </a:ext>
            </a:extLst>
          </p:cNvPr>
          <p:cNvCxnSpPr>
            <a:cxnSpLocks/>
          </p:cNvCxnSpPr>
          <p:nvPr/>
        </p:nvCxnSpPr>
        <p:spPr>
          <a:xfrm>
            <a:off x="-8050" y="1149937"/>
            <a:ext cx="2834640" cy="1005840"/>
          </a:xfrm>
          <a:prstGeom prst="bentConnector3">
            <a:avLst>
              <a:gd name="adj1" fmla="val 56801"/>
            </a:avLst>
          </a:prstGeom>
          <a:solidFill>
            <a:schemeClr val="tx2"/>
          </a:solidFill>
          <a:ln>
            <a:solidFill>
              <a:schemeClr val="accent1"/>
            </a:solidFill>
            <a:tailEnd type="none" w="lg" len="lg"/>
          </a:ln>
        </p:spPr>
        <p:style>
          <a:lnRef idx="2">
            <a:schemeClr val="accent1">
              <a:shade val="50000"/>
            </a:schemeClr>
          </a:lnRef>
          <a:fillRef idx="1">
            <a:schemeClr val="accent1"/>
          </a:fillRef>
          <a:effectRef idx="0">
            <a:schemeClr val="accent1"/>
          </a:effectRef>
          <a:fontRef idx="minor">
            <a:schemeClr val="lt1"/>
          </a:fontRef>
        </p:style>
      </p:cxnSp>
      <p:sp>
        <p:nvSpPr>
          <p:cNvPr id="203" name="Rectangle 1023">
            <a:extLst>
              <a:ext uri="{FF2B5EF4-FFF2-40B4-BE49-F238E27FC236}">
                <a16:creationId xmlns:a16="http://schemas.microsoft.com/office/drawing/2014/main" id="{F3D532D5-6B77-DBDE-C60F-17C93A5718B6}"/>
              </a:ext>
            </a:extLst>
          </p:cNvPr>
          <p:cNvSpPr/>
          <p:nvPr/>
        </p:nvSpPr>
        <p:spPr>
          <a:xfrm>
            <a:off x="402450" y="2744254"/>
            <a:ext cx="1955926" cy="1226319"/>
          </a:xfrm>
          <a:custGeom>
            <a:avLst/>
            <a:gdLst>
              <a:gd name="connsiteX0" fmla="*/ 0 w 1955926"/>
              <a:gd name="connsiteY0" fmla="*/ 0 h 1226319"/>
              <a:gd name="connsiteX1" fmla="*/ 1955926 w 1955926"/>
              <a:gd name="connsiteY1" fmla="*/ 0 h 1226319"/>
              <a:gd name="connsiteX2" fmla="*/ 1955926 w 1955926"/>
              <a:gd name="connsiteY2" fmla="*/ 1226319 h 1226319"/>
              <a:gd name="connsiteX3" fmla="*/ 0 w 1955926"/>
              <a:gd name="connsiteY3" fmla="*/ 1226319 h 1226319"/>
              <a:gd name="connsiteX4" fmla="*/ 0 w 1955926"/>
              <a:gd name="connsiteY4" fmla="*/ 0 h 122631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1955926"/>
              <a:gd name="connsiteY0" fmla="*/ 1226319 h 1226319"/>
              <a:gd name="connsiteX1" fmla="*/ 0 w 1955926"/>
              <a:gd name="connsiteY1" fmla="*/ 1226319 h 1226319"/>
              <a:gd name="connsiteX2" fmla="*/ 0 w 1955926"/>
              <a:gd name="connsiteY2" fmla="*/ 0 h 1226319"/>
              <a:gd name="connsiteX3" fmla="*/ 1955926 w 1955926"/>
              <a:gd name="connsiteY3" fmla="*/ 0 h 1226319"/>
              <a:gd name="connsiteX0" fmla="*/ 0 w 1955926"/>
              <a:gd name="connsiteY0" fmla="*/ 1226319 h 1226319"/>
              <a:gd name="connsiteX1" fmla="*/ 0 w 1955926"/>
              <a:gd name="connsiteY1" fmla="*/ 0 h 1226319"/>
              <a:gd name="connsiteX2" fmla="*/ 1955926 w 1955926"/>
              <a:gd name="connsiteY2" fmla="*/ 0 h 1226319"/>
            </a:gdLst>
            <a:ahLst/>
            <a:cxnLst>
              <a:cxn ang="0">
                <a:pos x="connsiteX0" y="connsiteY0"/>
              </a:cxn>
              <a:cxn ang="0">
                <a:pos x="connsiteX1" y="connsiteY1"/>
              </a:cxn>
              <a:cxn ang="0">
                <a:pos x="connsiteX2" y="connsiteY2"/>
              </a:cxn>
            </a:cxnLst>
            <a:rect l="l" t="t" r="r" b="b"/>
            <a:pathLst>
              <a:path w="1955926" h="1226319">
                <a:moveTo>
                  <a:pt x="0" y="1226319"/>
                </a:moveTo>
                <a:lnTo>
                  <a:pt x="0" y="0"/>
                </a:lnTo>
                <a:lnTo>
                  <a:pt x="1955926" y="0"/>
                </a:lnTo>
              </a:path>
            </a:pathLst>
          </a:custGeom>
          <a:noFill/>
          <a:ln>
            <a:solidFill>
              <a:schemeClr val="accent1"/>
            </a:solidFill>
            <a:headEnd type="oval" w="lg" len="lg"/>
            <a:tailEnd type="none" w="lg" len="lg"/>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err="1">
              <a:ln>
                <a:noFill/>
              </a:ln>
              <a:solidFill>
                <a:srgbClr val="FFFFFF"/>
              </a:solidFill>
              <a:effectLst/>
              <a:uLnTx/>
              <a:uFillTx/>
              <a:latin typeface="Arial"/>
              <a:ea typeface="MS Gothic"/>
              <a:cs typeface="+mn-cs"/>
            </a:endParaRPr>
          </a:p>
        </p:txBody>
      </p:sp>
      <p:cxnSp>
        <p:nvCxnSpPr>
          <p:cNvPr id="204" name="Straight Connector 203">
            <a:extLst>
              <a:ext uri="{FF2B5EF4-FFF2-40B4-BE49-F238E27FC236}">
                <a16:creationId xmlns:a16="http://schemas.microsoft.com/office/drawing/2014/main" id="{47F0357E-ABDA-204E-74E3-812CB998E622}"/>
              </a:ext>
            </a:extLst>
          </p:cNvPr>
          <p:cNvCxnSpPr>
            <a:cxnSpLocks/>
          </p:cNvCxnSpPr>
          <p:nvPr/>
        </p:nvCxnSpPr>
        <p:spPr>
          <a:xfrm>
            <a:off x="1940898" y="3956744"/>
            <a:ext cx="885692" cy="0"/>
          </a:xfrm>
          <a:prstGeom prst="line">
            <a:avLst/>
          </a:prstGeom>
          <a:solidFill>
            <a:schemeClr val="tx2"/>
          </a:solidFill>
          <a:ln>
            <a:solidFill>
              <a:schemeClr val="accent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grpSp>
        <p:nvGrpSpPr>
          <p:cNvPr id="205" name="Group 204">
            <a:extLst>
              <a:ext uri="{FF2B5EF4-FFF2-40B4-BE49-F238E27FC236}">
                <a16:creationId xmlns:a16="http://schemas.microsoft.com/office/drawing/2014/main" id="{EBB6F824-AC4A-3EDA-50A4-44006E84B76F}"/>
              </a:ext>
            </a:extLst>
          </p:cNvPr>
          <p:cNvGrpSpPr/>
          <p:nvPr/>
        </p:nvGrpSpPr>
        <p:grpSpPr>
          <a:xfrm>
            <a:off x="3904011" y="3829644"/>
            <a:ext cx="175912" cy="175912"/>
            <a:chOff x="3881704" y="2088872"/>
            <a:chExt cx="175912" cy="175912"/>
          </a:xfrm>
        </p:grpSpPr>
        <p:sp>
          <p:nvSpPr>
            <p:cNvPr id="206" name="Oval 205">
              <a:extLst>
                <a:ext uri="{FF2B5EF4-FFF2-40B4-BE49-F238E27FC236}">
                  <a16:creationId xmlns:a16="http://schemas.microsoft.com/office/drawing/2014/main" id="{1D2C3D63-E119-4A4A-2BFD-014C13549EAA}"/>
                </a:ext>
              </a:extLst>
            </p:cNvPr>
            <p:cNvSpPr/>
            <p:nvPr/>
          </p:nvSpPr>
          <p:spPr>
            <a:xfrm>
              <a:off x="3881704" y="2088872"/>
              <a:ext cx="175912" cy="175912"/>
            </a:xfrm>
            <a:prstGeom prst="ellipse">
              <a:avLst/>
            </a:prstGeom>
            <a:solidFill>
              <a:schemeClr val="accent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algn="ctr">
                <a:spcAft>
                  <a:spcPts val="1200"/>
                </a:spcAft>
              </a:pPr>
              <a:endParaRPr lang="en-US" sz="200" cap="all" spc="150" dirty="0" err="1">
                <a:solidFill>
                  <a:srgbClr val="000000"/>
                </a:solidFill>
                <a:highlight>
                  <a:srgbClr val="3EFFC0"/>
                </a:highlight>
                <a:latin typeface="Consolas" panose="020B0609020204030204" pitchFamily="49" charset="0"/>
                <a:ea typeface="MS Gothic"/>
              </a:endParaRPr>
            </a:p>
          </p:txBody>
        </p:sp>
        <p:sp>
          <p:nvSpPr>
            <p:cNvPr id="207" name="Oval 206">
              <a:extLst>
                <a:ext uri="{FF2B5EF4-FFF2-40B4-BE49-F238E27FC236}">
                  <a16:creationId xmlns:a16="http://schemas.microsoft.com/office/drawing/2014/main" id="{342B1F14-4384-B17A-8CFA-609D7839D90E}"/>
                </a:ext>
              </a:extLst>
            </p:cNvPr>
            <p:cNvSpPr/>
            <p:nvPr/>
          </p:nvSpPr>
          <p:spPr>
            <a:xfrm>
              <a:off x="3905799" y="2112967"/>
              <a:ext cx="127723" cy="12772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marL="0" marR="0" lvl="0" indent="0" algn="ctr" defTabSz="914400" rtl="0" eaLnBrk="1" fontAlgn="auto" latinLnBrk="0" hangingPunct="1">
                <a:lnSpc>
                  <a:spcPct val="100000"/>
                </a:lnSpc>
                <a:spcBef>
                  <a:spcPts val="0"/>
                </a:spcBef>
                <a:spcAft>
                  <a:spcPts val="1200"/>
                </a:spcAft>
                <a:buClrTx/>
                <a:buSzTx/>
                <a:buFontTx/>
                <a:buNone/>
                <a:tabLst/>
                <a:defRPr/>
              </a:pPr>
              <a:endParaRPr kumimoji="0" lang="en-US" sz="200" b="0" i="0" u="none" strike="noStrike" kern="1200" cap="all" spc="150" normalizeH="0" baseline="0" noProof="0" dirty="0" err="1">
                <a:ln>
                  <a:noFill/>
                </a:ln>
                <a:solidFill>
                  <a:srgbClr val="000000"/>
                </a:solidFill>
                <a:effectLst/>
                <a:highlight>
                  <a:srgbClr val="3EFFC0"/>
                </a:highlight>
                <a:uLnTx/>
                <a:uFillTx/>
                <a:latin typeface="Consolas" panose="020B0609020204030204" pitchFamily="49" charset="0"/>
                <a:ea typeface="MS Gothic"/>
                <a:cs typeface="+mn-cs"/>
              </a:endParaRPr>
            </a:p>
          </p:txBody>
        </p:sp>
      </p:grpSp>
      <p:grpSp>
        <p:nvGrpSpPr>
          <p:cNvPr id="208" name="Group 207">
            <a:extLst>
              <a:ext uri="{FF2B5EF4-FFF2-40B4-BE49-F238E27FC236}">
                <a16:creationId xmlns:a16="http://schemas.microsoft.com/office/drawing/2014/main" id="{65714D3D-58A9-11B3-6132-1A20F7DE701E}"/>
              </a:ext>
            </a:extLst>
          </p:cNvPr>
          <p:cNvGrpSpPr/>
          <p:nvPr/>
        </p:nvGrpSpPr>
        <p:grpSpPr>
          <a:xfrm>
            <a:off x="2742941" y="3829644"/>
            <a:ext cx="175912" cy="175912"/>
            <a:chOff x="3881704" y="2088872"/>
            <a:chExt cx="175912" cy="175912"/>
          </a:xfrm>
        </p:grpSpPr>
        <p:sp>
          <p:nvSpPr>
            <p:cNvPr id="209" name="Oval 208">
              <a:extLst>
                <a:ext uri="{FF2B5EF4-FFF2-40B4-BE49-F238E27FC236}">
                  <a16:creationId xmlns:a16="http://schemas.microsoft.com/office/drawing/2014/main" id="{08F890A2-01D8-5EE7-1EB1-B07DEEA8A4D5}"/>
                </a:ext>
              </a:extLst>
            </p:cNvPr>
            <p:cNvSpPr/>
            <p:nvPr/>
          </p:nvSpPr>
          <p:spPr>
            <a:xfrm>
              <a:off x="3881704" y="2088872"/>
              <a:ext cx="175912" cy="175912"/>
            </a:xfrm>
            <a:prstGeom prst="ellipse">
              <a:avLst/>
            </a:prstGeom>
            <a:solidFill>
              <a:schemeClr val="accent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algn="ctr">
                <a:spcAft>
                  <a:spcPts val="1200"/>
                </a:spcAft>
              </a:pPr>
              <a:endParaRPr lang="en-US" sz="200" cap="all" spc="150" dirty="0" err="1">
                <a:solidFill>
                  <a:srgbClr val="000000"/>
                </a:solidFill>
                <a:highlight>
                  <a:srgbClr val="3EFFC0"/>
                </a:highlight>
                <a:latin typeface="Consolas" panose="020B0609020204030204" pitchFamily="49" charset="0"/>
                <a:ea typeface="MS Gothic"/>
              </a:endParaRPr>
            </a:p>
          </p:txBody>
        </p:sp>
        <p:sp>
          <p:nvSpPr>
            <p:cNvPr id="210" name="Oval 209">
              <a:extLst>
                <a:ext uri="{FF2B5EF4-FFF2-40B4-BE49-F238E27FC236}">
                  <a16:creationId xmlns:a16="http://schemas.microsoft.com/office/drawing/2014/main" id="{4E00D45F-5D88-4774-C973-42DFBC437595}"/>
                </a:ext>
              </a:extLst>
            </p:cNvPr>
            <p:cNvSpPr/>
            <p:nvPr/>
          </p:nvSpPr>
          <p:spPr>
            <a:xfrm>
              <a:off x="3905799" y="2112967"/>
              <a:ext cx="127723" cy="12772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marL="0" marR="0" lvl="0" indent="0" algn="ctr" defTabSz="914400" rtl="0" eaLnBrk="1" fontAlgn="auto" latinLnBrk="0" hangingPunct="1">
                <a:lnSpc>
                  <a:spcPct val="100000"/>
                </a:lnSpc>
                <a:spcBef>
                  <a:spcPts val="0"/>
                </a:spcBef>
                <a:spcAft>
                  <a:spcPts val="1200"/>
                </a:spcAft>
                <a:buClrTx/>
                <a:buSzTx/>
                <a:buFontTx/>
                <a:buNone/>
                <a:tabLst/>
                <a:defRPr/>
              </a:pPr>
              <a:endParaRPr kumimoji="0" lang="en-US" sz="200" b="0" i="0" u="none" strike="noStrike" kern="1200" cap="all" spc="150" normalizeH="0" baseline="0" noProof="0" dirty="0" err="1">
                <a:ln>
                  <a:noFill/>
                </a:ln>
                <a:solidFill>
                  <a:srgbClr val="000000"/>
                </a:solidFill>
                <a:effectLst/>
                <a:highlight>
                  <a:srgbClr val="3EFFC0"/>
                </a:highlight>
                <a:uLnTx/>
                <a:uFillTx/>
                <a:latin typeface="Consolas" panose="020B0609020204030204" pitchFamily="49" charset="0"/>
                <a:ea typeface="MS Gothic"/>
                <a:cs typeface="+mn-cs"/>
              </a:endParaRPr>
            </a:p>
          </p:txBody>
        </p:sp>
      </p:grpSp>
      <p:sp>
        <p:nvSpPr>
          <p:cNvPr id="214" name="Text Placeholder 11">
            <a:extLst>
              <a:ext uri="{FF2B5EF4-FFF2-40B4-BE49-F238E27FC236}">
                <a16:creationId xmlns:a16="http://schemas.microsoft.com/office/drawing/2014/main" id="{A006AB7A-B9AC-476A-2BCB-212F0675CCB5}"/>
              </a:ext>
            </a:extLst>
          </p:cNvPr>
          <p:cNvSpPr txBox="1">
            <a:spLocks/>
          </p:cNvSpPr>
          <p:nvPr/>
        </p:nvSpPr>
        <p:spPr>
          <a:xfrm>
            <a:off x="228065" y="566433"/>
            <a:ext cx="3673375" cy="334253"/>
          </a:xfrm>
          <a:prstGeom prst="rect">
            <a:avLst/>
          </a:prstGeom>
          <a:noFill/>
        </p:spPr>
        <p:txBody>
          <a:bodyPr vert="horz" lIns="0" tIns="0" rIns="0" bIns="0" rtlCol="0">
            <a:noAutofit/>
          </a:bodyPr>
          <a:lstStyle>
            <a:lvl1pPr marL="0" indent="0" algn="l" defTabSz="914400" rtl="0" eaLnBrk="1" latinLnBrk="0" hangingPunct="1">
              <a:lnSpc>
                <a:spcPct val="85000"/>
              </a:lnSpc>
              <a:spcBef>
                <a:spcPts val="300"/>
              </a:spcBef>
              <a:spcAft>
                <a:spcPts val="600"/>
              </a:spcAft>
              <a:buFont typeface="Segoe UI" panose="020B0502040204020203" pitchFamily="34" charset="0"/>
              <a:buNone/>
              <a:defRPr sz="1200" b="0" i="0" kern="1200" cap="all" spc="150" baseline="0">
                <a:solidFill>
                  <a:schemeClr val="tx1"/>
                </a:solidFill>
                <a:latin typeface="Consolas" panose="020B0609020204030204" pitchFamily="49" charset="0"/>
                <a:ea typeface="+mn-ea"/>
                <a:cs typeface="Consolas" panose="020B0609020204030204" pitchFamily="49" charset="0"/>
              </a:defRPr>
            </a:lvl1pPr>
            <a:lvl2pPr marL="540000" indent="-270000" algn="l" defTabSz="914400" rtl="0" eaLnBrk="1" latinLnBrk="0" hangingPunct="1">
              <a:lnSpc>
                <a:spcPct val="100000"/>
              </a:lnSpc>
              <a:spcBef>
                <a:spcPts val="300"/>
              </a:spcBef>
              <a:spcAft>
                <a:spcPts val="600"/>
              </a:spcAft>
              <a:buSzPct val="80000"/>
              <a:buFont typeface="Segoe UI" panose="020B0502040204020203"/>
              <a:buChar char="+"/>
              <a:defRPr sz="2000" kern="1200">
                <a:solidFill>
                  <a:schemeClr val="tx1"/>
                </a:solidFill>
                <a:latin typeface="+mn-lt"/>
                <a:ea typeface="+mn-ea"/>
                <a:cs typeface="+mn-cs"/>
              </a:defRPr>
            </a:lvl2pPr>
            <a:lvl3pPr marL="810000" indent="-270000" algn="l" defTabSz="914400" rtl="0" eaLnBrk="1" latinLnBrk="0" hangingPunct="1">
              <a:lnSpc>
                <a:spcPct val="100000"/>
              </a:lnSpc>
              <a:spcBef>
                <a:spcPts val="300"/>
              </a:spcBef>
              <a:spcAft>
                <a:spcPts val="600"/>
              </a:spcAft>
              <a:buSzPct val="80000"/>
              <a:buFont typeface="Arial" panose="020B0604020202020204" pitchFamily="34" charset="0"/>
              <a:buChar char="•"/>
              <a:defRPr sz="2000" kern="1200">
                <a:solidFill>
                  <a:schemeClr val="tx1"/>
                </a:solidFill>
                <a:latin typeface="+mn-lt"/>
                <a:ea typeface="+mn-ea"/>
                <a:cs typeface="+mn-cs"/>
              </a:defRPr>
            </a:lvl3pPr>
            <a:lvl4pPr marL="0" indent="0" algn="l" defTabSz="914400" rtl="0" eaLnBrk="1" latinLnBrk="0" hangingPunct="1">
              <a:lnSpc>
                <a:spcPct val="100000"/>
              </a:lnSpc>
              <a:spcBef>
                <a:spcPts val="300"/>
              </a:spcBef>
              <a:spcAft>
                <a:spcPts val="1200"/>
              </a:spcAft>
              <a:buFont typeface="Arial" panose="020B0604020202020204" pitchFamily="34" charset="0"/>
              <a:buChar char="​"/>
              <a:defRPr sz="2000" b="1" kern="1200">
                <a:solidFill>
                  <a:schemeClr val="tx1"/>
                </a:solidFill>
                <a:latin typeface="+mn-lt"/>
                <a:ea typeface="+mn-ea"/>
                <a:cs typeface="+mn-cs"/>
              </a:defRPr>
            </a:lvl4pPr>
            <a:lvl5pPr marL="0" indent="0" algn="l" defTabSz="914400" rtl="0" eaLnBrk="1" latinLnBrk="0" hangingPunct="1">
              <a:lnSpc>
                <a:spcPct val="100000"/>
              </a:lnSpc>
              <a:spcBef>
                <a:spcPts val="300"/>
              </a:spcBef>
              <a:spcAft>
                <a:spcPts val="1200"/>
              </a:spcAft>
              <a:buFont typeface="Arial" panose="020B0604020202020204" pitchFamily="34" charset="0"/>
              <a:buChar char="​"/>
              <a:tabLst/>
              <a:defRPr sz="2000" kern="1200">
                <a:solidFill>
                  <a:schemeClr val="tx1"/>
                </a:solidFill>
                <a:latin typeface="+mn-lt"/>
                <a:ea typeface="+mn-ea"/>
                <a:cs typeface="+mn-cs"/>
              </a:defRPr>
            </a:lvl5pPr>
            <a:lvl6pPr marL="180000" indent="-180000" algn="l" defTabSz="914400" rtl="0" eaLnBrk="1" latinLnBrk="0" hangingPunct="1">
              <a:lnSpc>
                <a:spcPct val="100000"/>
              </a:lnSpc>
              <a:spcBef>
                <a:spcPts val="300"/>
              </a:spcBef>
              <a:spcAft>
                <a:spcPts val="600"/>
              </a:spcAft>
              <a:buFont typeface="Segoe UI" panose="020B0502040204020203"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300"/>
              </a:spcBef>
              <a:spcAft>
                <a:spcPts val="600"/>
              </a:spcAft>
              <a:buFont typeface="Arial" panose="020B0604020202020204" pitchFamily="34" charset="0"/>
              <a:buChar char="​"/>
              <a:defRPr sz="1000" b="1" kern="1200" baseline="0">
                <a:solidFill>
                  <a:schemeClr val="tx1"/>
                </a:solidFill>
                <a:latin typeface="+mn-lt"/>
                <a:ea typeface="+mn-ea"/>
                <a:cs typeface="+mn-cs"/>
              </a:defRPr>
            </a:lvl7pPr>
            <a:lvl8pPr marL="0" indent="0" algn="l" defTabSz="914400" rtl="0" eaLnBrk="1" latinLnBrk="0" hangingPunct="1">
              <a:lnSpc>
                <a:spcPct val="100000"/>
              </a:lnSpc>
              <a:spcBef>
                <a:spcPts val="30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6000" b="1" kern="1200" spc="-150" baseline="0">
                <a:solidFill>
                  <a:schemeClr val="tx1"/>
                </a:solidFill>
                <a:latin typeface="Arial Black" panose="020B0A04020102020204" pitchFamily="34" charset="0"/>
                <a:ea typeface="+mn-ea"/>
                <a:cs typeface="+mn-cs"/>
              </a:defRPr>
            </a:lvl9pPr>
          </a:lstStyle>
          <a:p>
            <a:pPr marL="0" marR="0" lvl="0" indent="0" algn="l" defTabSz="914400" rtl="0" eaLnBrk="1" fontAlgn="auto" latinLnBrk="0" hangingPunct="1">
              <a:lnSpc>
                <a:spcPct val="100000"/>
              </a:lnSpc>
              <a:spcBef>
                <a:spcPts val="300"/>
              </a:spcBef>
              <a:spcAft>
                <a:spcPts val="600"/>
              </a:spcAft>
              <a:buClrTx/>
              <a:buSzTx/>
              <a:buFont typeface="Segoe UI" panose="020B0502040204020203" pitchFamily="34" charset="0"/>
              <a:buNone/>
              <a:tabLst/>
              <a:defRPr/>
            </a:pPr>
            <a:r>
              <a:rPr lang="en-US" sz="1400" cap="none" spc="0" noProof="0" dirty="0">
                <a:solidFill>
                  <a:srgbClr val="FFFFFF"/>
                </a:solidFill>
                <a:latin typeface="Arial"/>
                <a:ea typeface="MS Gothic"/>
                <a:cs typeface="+mn-cs"/>
              </a:rPr>
              <a:t>Uncovering clinical insights is challenging</a:t>
            </a:r>
          </a:p>
        </p:txBody>
      </p:sp>
      <p:sp>
        <p:nvSpPr>
          <p:cNvPr id="215" name="Rectangle 214">
            <a:extLst>
              <a:ext uri="{FF2B5EF4-FFF2-40B4-BE49-F238E27FC236}">
                <a16:creationId xmlns:a16="http://schemas.microsoft.com/office/drawing/2014/main" id="{7683935F-2A3C-9BF7-EAC0-121B72C1A734}"/>
              </a:ext>
            </a:extLst>
          </p:cNvPr>
          <p:cNvSpPr/>
          <p:nvPr/>
        </p:nvSpPr>
        <p:spPr>
          <a:xfrm>
            <a:off x="235174" y="262542"/>
            <a:ext cx="1281914" cy="228851"/>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l" defTabSz="914400" rtl="0" eaLnBrk="1" fontAlgn="auto" latinLnBrk="0" hangingPunct="1">
              <a:lnSpc>
                <a:spcPct val="100000"/>
              </a:lnSpc>
              <a:spcBef>
                <a:spcPts val="300"/>
              </a:spcBef>
              <a:spcAft>
                <a:spcPts val="300"/>
              </a:spcAft>
              <a:buClrTx/>
              <a:buSzTx/>
              <a:buFont typeface="Segoe UI" panose="020B0502040204020203" pitchFamily="34" charset="0"/>
              <a:buNone/>
              <a:tabLst/>
              <a:defRPr/>
            </a:pPr>
            <a:r>
              <a:rPr kumimoji="0" lang="en-US" sz="1200" b="0" i="0" u="none" strike="noStrike" kern="1200" cap="all" spc="150" normalizeH="0" baseline="0" noProof="0" dirty="0">
                <a:ln>
                  <a:noFill/>
                </a:ln>
                <a:solidFill>
                  <a:srgbClr val="3EFFC0"/>
                </a:solidFill>
                <a:effectLst/>
                <a:uLnTx/>
                <a:uFillTx/>
                <a:latin typeface="Consolas" panose="020B0609020204030204" pitchFamily="49" charset="0"/>
                <a:ea typeface="MS Gothic"/>
                <a:cs typeface="+mn-cs"/>
              </a:rPr>
              <a:t>THE PROBLEM</a:t>
            </a:r>
          </a:p>
        </p:txBody>
      </p:sp>
      <p:grpSp>
        <p:nvGrpSpPr>
          <p:cNvPr id="216" name="Group 215">
            <a:extLst>
              <a:ext uri="{FF2B5EF4-FFF2-40B4-BE49-F238E27FC236}">
                <a16:creationId xmlns:a16="http://schemas.microsoft.com/office/drawing/2014/main" id="{D55F3AA3-AB52-A9F3-CD1F-92510AD0B0EB}"/>
              </a:ext>
            </a:extLst>
          </p:cNvPr>
          <p:cNvGrpSpPr/>
          <p:nvPr/>
        </p:nvGrpSpPr>
        <p:grpSpPr>
          <a:xfrm>
            <a:off x="2313403" y="2674942"/>
            <a:ext cx="175912" cy="175912"/>
            <a:chOff x="3881704" y="2088872"/>
            <a:chExt cx="175912" cy="175912"/>
          </a:xfrm>
        </p:grpSpPr>
        <p:sp>
          <p:nvSpPr>
            <p:cNvPr id="217" name="Oval 216">
              <a:extLst>
                <a:ext uri="{FF2B5EF4-FFF2-40B4-BE49-F238E27FC236}">
                  <a16:creationId xmlns:a16="http://schemas.microsoft.com/office/drawing/2014/main" id="{BDC99A8C-CC84-4681-D423-502528BC279C}"/>
                </a:ext>
              </a:extLst>
            </p:cNvPr>
            <p:cNvSpPr/>
            <p:nvPr/>
          </p:nvSpPr>
          <p:spPr>
            <a:xfrm>
              <a:off x="3881704" y="2088872"/>
              <a:ext cx="175912" cy="175912"/>
            </a:xfrm>
            <a:prstGeom prst="ellipse">
              <a:avLst/>
            </a:prstGeom>
            <a:solidFill>
              <a:schemeClr val="accent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algn="ctr">
                <a:spcAft>
                  <a:spcPts val="1200"/>
                </a:spcAft>
              </a:pPr>
              <a:endParaRPr lang="en-US" sz="200" cap="all" spc="150" dirty="0" err="1">
                <a:solidFill>
                  <a:srgbClr val="000000"/>
                </a:solidFill>
                <a:highlight>
                  <a:srgbClr val="3EFFC0"/>
                </a:highlight>
                <a:latin typeface="Consolas" panose="020B0609020204030204" pitchFamily="49" charset="0"/>
                <a:ea typeface="MS Gothic"/>
              </a:endParaRPr>
            </a:p>
          </p:txBody>
        </p:sp>
        <p:sp>
          <p:nvSpPr>
            <p:cNvPr id="218" name="Oval 217">
              <a:extLst>
                <a:ext uri="{FF2B5EF4-FFF2-40B4-BE49-F238E27FC236}">
                  <a16:creationId xmlns:a16="http://schemas.microsoft.com/office/drawing/2014/main" id="{15E440E8-6950-BA79-0790-EA69C4ABFBDA}"/>
                </a:ext>
              </a:extLst>
            </p:cNvPr>
            <p:cNvSpPr/>
            <p:nvPr/>
          </p:nvSpPr>
          <p:spPr>
            <a:xfrm>
              <a:off x="3905799" y="2112967"/>
              <a:ext cx="127723" cy="12772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marL="0" marR="0" lvl="0" indent="0" algn="ctr" defTabSz="914400" rtl="0" eaLnBrk="1" fontAlgn="auto" latinLnBrk="0" hangingPunct="1">
                <a:lnSpc>
                  <a:spcPct val="100000"/>
                </a:lnSpc>
                <a:spcBef>
                  <a:spcPts val="0"/>
                </a:spcBef>
                <a:spcAft>
                  <a:spcPts val="1200"/>
                </a:spcAft>
                <a:buClrTx/>
                <a:buSzTx/>
                <a:buFontTx/>
                <a:buNone/>
                <a:tabLst/>
                <a:defRPr/>
              </a:pPr>
              <a:endParaRPr kumimoji="0" lang="en-US" sz="200" b="0" i="0" u="none" strike="noStrike" kern="1200" cap="all" spc="150" normalizeH="0" baseline="0" noProof="0" dirty="0" err="1">
                <a:ln>
                  <a:noFill/>
                </a:ln>
                <a:solidFill>
                  <a:srgbClr val="000000"/>
                </a:solidFill>
                <a:effectLst/>
                <a:highlight>
                  <a:srgbClr val="3EFFC0"/>
                </a:highlight>
                <a:uLnTx/>
                <a:uFillTx/>
                <a:latin typeface="Consolas" panose="020B0609020204030204" pitchFamily="49" charset="0"/>
                <a:ea typeface="MS Gothic"/>
                <a:cs typeface="+mn-cs"/>
              </a:endParaRPr>
            </a:p>
          </p:txBody>
        </p:sp>
      </p:grpSp>
      <p:grpSp>
        <p:nvGrpSpPr>
          <p:cNvPr id="219" name="Group 218">
            <a:extLst>
              <a:ext uri="{FF2B5EF4-FFF2-40B4-BE49-F238E27FC236}">
                <a16:creationId xmlns:a16="http://schemas.microsoft.com/office/drawing/2014/main" id="{E99032C1-5CF4-9FEE-A4CF-DE9B097BB1E3}"/>
              </a:ext>
            </a:extLst>
          </p:cNvPr>
          <p:cNvGrpSpPr/>
          <p:nvPr/>
        </p:nvGrpSpPr>
        <p:grpSpPr>
          <a:xfrm>
            <a:off x="2758960" y="2088872"/>
            <a:ext cx="175912" cy="175912"/>
            <a:chOff x="3881704" y="2088872"/>
            <a:chExt cx="175912" cy="175912"/>
          </a:xfrm>
        </p:grpSpPr>
        <p:sp>
          <p:nvSpPr>
            <p:cNvPr id="220" name="Oval 219">
              <a:extLst>
                <a:ext uri="{FF2B5EF4-FFF2-40B4-BE49-F238E27FC236}">
                  <a16:creationId xmlns:a16="http://schemas.microsoft.com/office/drawing/2014/main" id="{78519C8C-D531-0034-FF58-DC4D7A9D58FC}"/>
                </a:ext>
              </a:extLst>
            </p:cNvPr>
            <p:cNvSpPr/>
            <p:nvPr/>
          </p:nvSpPr>
          <p:spPr>
            <a:xfrm>
              <a:off x="3881704" y="2088872"/>
              <a:ext cx="175912" cy="175912"/>
            </a:xfrm>
            <a:prstGeom prst="ellipse">
              <a:avLst/>
            </a:prstGeom>
            <a:solidFill>
              <a:schemeClr val="accent3"/>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algn="ctr">
                <a:spcAft>
                  <a:spcPts val="1200"/>
                </a:spcAft>
              </a:pPr>
              <a:endParaRPr lang="en-US" sz="200" cap="all" spc="150" dirty="0" err="1">
                <a:solidFill>
                  <a:srgbClr val="000000"/>
                </a:solidFill>
                <a:highlight>
                  <a:srgbClr val="3EFFC0"/>
                </a:highlight>
                <a:latin typeface="Consolas" panose="020B0609020204030204" pitchFamily="49" charset="0"/>
                <a:ea typeface="MS Gothic"/>
              </a:endParaRPr>
            </a:p>
          </p:txBody>
        </p:sp>
        <p:sp>
          <p:nvSpPr>
            <p:cNvPr id="221" name="Oval 220">
              <a:extLst>
                <a:ext uri="{FF2B5EF4-FFF2-40B4-BE49-F238E27FC236}">
                  <a16:creationId xmlns:a16="http://schemas.microsoft.com/office/drawing/2014/main" id="{1733803A-F4F2-866A-5400-8FCB90C2CF86}"/>
                </a:ext>
              </a:extLst>
            </p:cNvPr>
            <p:cNvSpPr/>
            <p:nvPr/>
          </p:nvSpPr>
          <p:spPr>
            <a:xfrm>
              <a:off x="3905799" y="2112967"/>
              <a:ext cx="127723" cy="12772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36000" rIns="0" bIns="36000" rtlCol="0" anchor="ctr"/>
            <a:lstStyle/>
            <a:p>
              <a:pPr marL="0" marR="0" lvl="0" indent="0" algn="ctr" defTabSz="914400" rtl="0" eaLnBrk="1" fontAlgn="auto" latinLnBrk="0" hangingPunct="1">
                <a:lnSpc>
                  <a:spcPct val="100000"/>
                </a:lnSpc>
                <a:spcBef>
                  <a:spcPts val="0"/>
                </a:spcBef>
                <a:spcAft>
                  <a:spcPts val="1200"/>
                </a:spcAft>
                <a:buClrTx/>
                <a:buSzTx/>
                <a:buFontTx/>
                <a:buNone/>
                <a:tabLst/>
                <a:defRPr/>
              </a:pPr>
              <a:endParaRPr kumimoji="0" lang="en-US" sz="200" b="0" i="0" u="none" strike="noStrike" kern="1200" cap="all" spc="150" normalizeH="0" baseline="0" noProof="0" dirty="0" err="1">
                <a:ln>
                  <a:noFill/>
                </a:ln>
                <a:solidFill>
                  <a:srgbClr val="000000"/>
                </a:solidFill>
                <a:effectLst/>
                <a:highlight>
                  <a:srgbClr val="3EFFC0"/>
                </a:highlight>
                <a:uLnTx/>
                <a:uFillTx/>
                <a:latin typeface="Consolas" panose="020B0609020204030204" pitchFamily="49" charset="0"/>
                <a:ea typeface="MS Gothic"/>
                <a:cs typeface="+mn-cs"/>
              </a:endParaRPr>
            </a:p>
          </p:txBody>
        </p:sp>
      </p:grpSp>
      <p:sp>
        <p:nvSpPr>
          <p:cNvPr id="222" name="Rectangle 1023">
            <a:extLst>
              <a:ext uri="{FF2B5EF4-FFF2-40B4-BE49-F238E27FC236}">
                <a16:creationId xmlns:a16="http://schemas.microsoft.com/office/drawing/2014/main" id="{29B18932-6082-99F6-1EA5-284020D29A49}"/>
              </a:ext>
            </a:extLst>
          </p:cNvPr>
          <p:cNvSpPr/>
          <p:nvPr/>
        </p:nvSpPr>
        <p:spPr>
          <a:xfrm rot="16200000" flipH="1">
            <a:off x="2794266" y="5717896"/>
            <a:ext cx="1710169" cy="570038"/>
          </a:xfrm>
          <a:custGeom>
            <a:avLst/>
            <a:gdLst>
              <a:gd name="connsiteX0" fmla="*/ 0 w 1955926"/>
              <a:gd name="connsiteY0" fmla="*/ 0 h 1226319"/>
              <a:gd name="connsiteX1" fmla="*/ 1955926 w 1955926"/>
              <a:gd name="connsiteY1" fmla="*/ 0 h 1226319"/>
              <a:gd name="connsiteX2" fmla="*/ 1955926 w 1955926"/>
              <a:gd name="connsiteY2" fmla="*/ 1226319 h 1226319"/>
              <a:gd name="connsiteX3" fmla="*/ 0 w 1955926"/>
              <a:gd name="connsiteY3" fmla="*/ 1226319 h 1226319"/>
              <a:gd name="connsiteX4" fmla="*/ 0 w 1955926"/>
              <a:gd name="connsiteY4" fmla="*/ 0 h 122631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1955926"/>
              <a:gd name="connsiteY0" fmla="*/ 1226319 h 1226319"/>
              <a:gd name="connsiteX1" fmla="*/ 0 w 1955926"/>
              <a:gd name="connsiteY1" fmla="*/ 1226319 h 1226319"/>
              <a:gd name="connsiteX2" fmla="*/ 0 w 1955926"/>
              <a:gd name="connsiteY2" fmla="*/ 0 h 1226319"/>
              <a:gd name="connsiteX3" fmla="*/ 1955926 w 1955926"/>
              <a:gd name="connsiteY3" fmla="*/ 0 h 1226319"/>
              <a:gd name="connsiteX0" fmla="*/ 0 w 1955926"/>
              <a:gd name="connsiteY0" fmla="*/ 1226319 h 1226319"/>
              <a:gd name="connsiteX1" fmla="*/ 0 w 1955926"/>
              <a:gd name="connsiteY1" fmla="*/ 0 h 1226319"/>
              <a:gd name="connsiteX2" fmla="*/ 1955926 w 1955926"/>
              <a:gd name="connsiteY2" fmla="*/ 0 h 1226319"/>
            </a:gdLst>
            <a:ahLst/>
            <a:cxnLst>
              <a:cxn ang="0">
                <a:pos x="connsiteX0" y="connsiteY0"/>
              </a:cxn>
              <a:cxn ang="0">
                <a:pos x="connsiteX1" y="connsiteY1"/>
              </a:cxn>
              <a:cxn ang="0">
                <a:pos x="connsiteX2" y="connsiteY2"/>
              </a:cxn>
            </a:cxnLst>
            <a:rect l="l" t="t" r="r" b="b"/>
            <a:pathLst>
              <a:path w="1955926" h="1226319">
                <a:moveTo>
                  <a:pt x="0" y="1226319"/>
                </a:moveTo>
                <a:lnTo>
                  <a:pt x="0" y="0"/>
                </a:lnTo>
                <a:lnTo>
                  <a:pt x="1955926" y="0"/>
                </a:lnTo>
              </a:path>
            </a:pathLst>
          </a:custGeom>
          <a:noFill/>
          <a:ln>
            <a:solidFill>
              <a:schemeClr val="bg1"/>
            </a:solidFill>
            <a:headEnd type="oval" w="lg" len="lg"/>
            <a:tailEnd type="none" w="lg" len="lg"/>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err="1">
              <a:ln>
                <a:noFill/>
              </a:ln>
              <a:solidFill>
                <a:srgbClr val="FFFFFF"/>
              </a:solidFill>
              <a:effectLst/>
              <a:uLnTx/>
              <a:uFillTx/>
              <a:latin typeface="Arial"/>
              <a:ea typeface="MS Gothic"/>
              <a:cs typeface="+mn-cs"/>
            </a:endParaRPr>
          </a:p>
        </p:txBody>
      </p:sp>
      <p:cxnSp>
        <p:nvCxnSpPr>
          <p:cNvPr id="223" name="Connector: Elbow 222">
            <a:extLst>
              <a:ext uri="{FF2B5EF4-FFF2-40B4-BE49-F238E27FC236}">
                <a16:creationId xmlns:a16="http://schemas.microsoft.com/office/drawing/2014/main" id="{4308777E-DEF4-E78D-6D1F-CAB35F2F8F1A}"/>
              </a:ext>
            </a:extLst>
          </p:cNvPr>
          <p:cNvCxnSpPr>
            <a:cxnSpLocks/>
          </p:cNvCxnSpPr>
          <p:nvPr/>
        </p:nvCxnSpPr>
        <p:spPr>
          <a:xfrm rot="10800000" flipV="1">
            <a:off x="16626" y="1543786"/>
            <a:ext cx="1920240" cy="594360"/>
          </a:xfrm>
          <a:prstGeom prst="bentConnector3">
            <a:avLst>
              <a:gd name="adj1" fmla="val 52506"/>
            </a:avLst>
          </a:prstGeom>
          <a:solidFill>
            <a:schemeClr val="tx2"/>
          </a:solidFill>
          <a:ln>
            <a:solidFill>
              <a:schemeClr val="bg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224" name="Connector: Elbow 223">
            <a:extLst>
              <a:ext uri="{FF2B5EF4-FFF2-40B4-BE49-F238E27FC236}">
                <a16:creationId xmlns:a16="http://schemas.microsoft.com/office/drawing/2014/main" id="{DC499491-EC8D-7F1A-9014-08103C4AB5DC}"/>
              </a:ext>
            </a:extLst>
          </p:cNvPr>
          <p:cNvCxnSpPr>
            <a:cxnSpLocks/>
          </p:cNvCxnSpPr>
          <p:nvPr/>
        </p:nvCxnSpPr>
        <p:spPr>
          <a:xfrm>
            <a:off x="2232300" y="4545608"/>
            <a:ext cx="3474720" cy="1179576"/>
          </a:xfrm>
          <a:prstGeom prst="bentConnector3">
            <a:avLst>
              <a:gd name="adj1" fmla="val 25073"/>
            </a:avLst>
          </a:prstGeom>
          <a:solidFill>
            <a:schemeClr val="tx2"/>
          </a:solidFill>
          <a:ln>
            <a:solidFill>
              <a:schemeClr val="accent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225" name="Connector: Elbow 224">
            <a:extLst>
              <a:ext uri="{FF2B5EF4-FFF2-40B4-BE49-F238E27FC236}">
                <a16:creationId xmlns:a16="http://schemas.microsoft.com/office/drawing/2014/main" id="{D6650F4F-95F6-3B95-59E1-E9A4DB76B856}"/>
              </a:ext>
            </a:extLst>
          </p:cNvPr>
          <p:cNvCxnSpPr>
            <a:cxnSpLocks/>
          </p:cNvCxnSpPr>
          <p:nvPr/>
        </p:nvCxnSpPr>
        <p:spPr>
          <a:xfrm flipH="1">
            <a:off x="9903" y="3342050"/>
            <a:ext cx="1920240" cy="914400"/>
          </a:xfrm>
          <a:prstGeom prst="bentConnector3">
            <a:avLst>
              <a:gd name="adj1" fmla="val 17237"/>
            </a:avLst>
          </a:prstGeom>
          <a:solidFill>
            <a:schemeClr val="tx2"/>
          </a:solidFill>
          <a:ln>
            <a:solidFill>
              <a:schemeClr val="bg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sp>
        <p:nvSpPr>
          <p:cNvPr id="231" name="Rectangle 1023">
            <a:extLst>
              <a:ext uri="{FF2B5EF4-FFF2-40B4-BE49-F238E27FC236}">
                <a16:creationId xmlns:a16="http://schemas.microsoft.com/office/drawing/2014/main" id="{06B8A6B6-FBEB-6E91-A165-B6F525B17CA0}"/>
              </a:ext>
            </a:extLst>
          </p:cNvPr>
          <p:cNvSpPr/>
          <p:nvPr/>
        </p:nvSpPr>
        <p:spPr>
          <a:xfrm rot="16200000" flipH="1">
            <a:off x="21522" y="5284541"/>
            <a:ext cx="1704340" cy="1442577"/>
          </a:xfrm>
          <a:custGeom>
            <a:avLst/>
            <a:gdLst>
              <a:gd name="connsiteX0" fmla="*/ 0 w 1955926"/>
              <a:gd name="connsiteY0" fmla="*/ 0 h 1226319"/>
              <a:gd name="connsiteX1" fmla="*/ 1955926 w 1955926"/>
              <a:gd name="connsiteY1" fmla="*/ 0 h 1226319"/>
              <a:gd name="connsiteX2" fmla="*/ 1955926 w 1955926"/>
              <a:gd name="connsiteY2" fmla="*/ 1226319 h 1226319"/>
              <a:gd name="connsiteX3" fmla="*/ 0 w 1955926"/>
              <a:gd name="connsiteY3" fmla="*/ 1226319 h 1226319"/>
              <a:gd name="connsiteX4" fmla="*/ 0 w 1955926"/>
              <a:gd name="connsiteY4" fmla="*/ 0 h 122631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1955926"/>
              <a:gd name="connsiteY0" fmla="*/ 1226319 h 1226319"/>
              <a:gd name="connsiteX1" fmla="*/ 0 w 1955926"/>
              <a:gd name="connsiteY1" fmla="*/ 1226319 h 1226319"/>
              <a:gd name="connsiteX2" fmla="*/ 0 w 1955926"/>
              <a:gd name="connsiteY2" fmla="*/ 0 h 1226319"/>
              <a:gd name="connsiteX3" fmla="*/ 1955926 w 1955926"/>
              <a:gd name="connsiteY3" fmla="*/ 0 h 1226319"/>
              <a:gd name="connsiteX0" fmla="*/ 0 w 1955926"/>
              <a:gd name="connsiteY0" fmla="*/ 1226319 h 1226319"/>
              <a:gd name="connsiteX1" fmla="*/ 0 w 1955926"/>
              <a:gd name="connsiteY1" fmla="*/ 0 h 1226319"/>
              <a:gd name="connsiteX2" fmla="*/ 1955926 w 1955926"/>
              <a:gd name="connsiteY2" fmla="*/ 0 h 1226319"/>
            </a:gdLst>
            <a:ahLst/>
            <a:cxnLst>
              <a:cxn ang="0">
                <a:pos x="connsiteX0" y="connsiteY0"/>
              </a:cxn>
              <a:cxn ang="0">
                <a:pos x="connsiteX1" y="connsiteY1"/>
              </a:cxn>
              <a:cxn ang="0">
                <a:pos x="connsiteX2" y="connsiteY2"/>
              </a:cxn>
            </a:cxnLst>
            <a:rect l="l" t="t" r="r" b="b"/>
            <a:pathLst>
              <a:path w="1955926" h="1226319">
                <a:moveTo>
                  <a:pt x="0" y="1226319"/>
                </a:moveTo>
                <a:lnTo>
                  <a:pt x="0" y="0"/>
                </a:lnTo>
                <a:lnTo>
                  <a:pt x="1955926" y="0"/>
                </a:lnTo>
              </a:path>
            </a:pathLst>
          </a:custGeom>
          <a:noFill/>
          <a:ln>
            <a:solidFill>
              <a:schemeClr val="bg1"/>
            </a:solidFill>
            <a:headEnd type="oval" w="lg" len="lg"/>
            <a:tailEnd type="none" w="lg" len="lg"/>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err="1">
              <a:ln>
                <a:noFill/>
              </a:ln>
              <a:solidFill>
                <a:srgbClr val="FFFFFF"/>
              </a:solidFill>
              <a:effectLst/>
              <a:uLnTx/>
              <a:uFillTx/>
              <a:latin typeface="Arial"/>
              <a:ea typeface="MS Gothic"/>
              <a:cs typeface="+mn-cs"/>
            </a:endParaRPr>
          </a:p>
        </p:txBody>
      </p:sp>
      <p:cxnSp>
        <p:nvCxnSpPr>
          <p:cNvPr id="234" name="Connector: Elbow 233">
            <a:extLst>
              <a:ext uri="{FF2B5EF4-FFF2-40B4-BE49-F238E27FC236}">
                <a16:creationId xmlns:a16="http://schemas.microsoft.com/office/drawing/2014/main" id="{4CADDB96-9043-5B06-9FDB-10D45501391A}"/>
              </a:ext>
            </a:extLst>
          </p:cNvPr>
          <p:cNvCxnSpPr>
            <a:cxnSpLocks/>
          </p:cNvCxnSpPr>
          <p:nvPr/>
        </p:nvCxnSpPr>
        <p:spPr>
          <a:xfrm rot="10800000" flipH="1">
            <a:off x="4710123" y="938199"/>
            <a:ext cx="2103120" cy="1005840"/>
          </a:xfrm>
          <a:prstGeom prst="bentConnector3">
            <a:avLst>
              <a:gd name="adj1" fmla="val 81268"/>
            </a:avLst>
          </a:prstGeom>
          <a:solidFill>
            <a:schemeClr val="tx2"/>
          </a:solidFill>
          <a:ln>
            <a:solidFill>
              <a:schemeClr val="accent1"/>
            </a:solidFill>
            <a:headEnd type="none" w="lg" len="lg"/>
          </a:ln>
        </p:spPr>
        <p:style>
          <a:lnRef idx="2">
            <a:schemeClr val="accent1">
              <a:shade val="50000"/>
            </a:schemeClr>
          </a:lnRef>
          <a:fillRef idx="1">
            <a:schemeClr val="accent1"/>
          </a:fillRef>
          <a:effectRef idx="0">
            <a:schemeClr val="accent1"/>
          </a:effectRef>
          <a:fontRef idx="minor">
            <a:schemeClr val="lt1"/>
          </a:fontRef>
        </p:style>
      </p:cxnSp>
      <p:cxnSp>
        <p:nvCxnSpPr>
          <p:cNvPr id="235" name="Straight Connector 234">
            <a:extLst>
              <a:ext uri="{FF2B5EF4-FFF2-40B4-BE49-F238E27FC236}">
                <a16:creationId xmlns:a16="http://schemas.microsoft.com/office/drawing/2014/main" id="{FEF53B69-C3AA-C589-D201-804E2E5B6354}"/>
              </a:ext>
            </a:extLst>
          </p:cNvPr>
          <p:cNvCxnSpPr>
            <a:cxnSpLocks/>
          </p:cNvCxnSpPr>
          <p:nvPr/>
        </p:nvCxnSpPr>
        <p:spPr>
          <a:xfrm>
            <a:off x="4707221" y="1936315"/>
            <a:ext cx="0" cy="534470"/>
          </a:xfrm>
          <a:prstGeom prst="line">
            <a:avLst/>
          </a:prstGeom>
          <a:solidFill>
            <a:schemeClr val="tx2"/>
          </a:solidFill>
          <a:ln>
            <a:solidFill>
              <a:schemeClr val="accent1"/>
            </a:solidFill>
            <a:tail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236" name="Straight Connector 235">
            <a:extLst>
              <a:ext uri="{FF2B5EF4-FFF2-40B4-BE49-F238E27FC236}">
                <a16:creationId xmlns:a16="http://schemas.microsoft.com/office/drawing/2014/main" id="{81F19F25-CBF4-7446-2B5D-D7C7C339B518}"/>
              </a:ext>
            </a:extLst>
          </p:cNvPr>
          <p:cNvCxnSpPr>
            <a:cxnSpLocks/>
          </p:cNvCxnSpPr>
          <p:nvPr/>
        </p:nvCxnSpPr>
        <p:spPr>
          <a:xfrm flipV="1">
            <a:off x="3675779" y="5446655"/>
            <a:ext cx="0" cy="1411345"/>
          </a:xfrm>
          <a:prstGeom prst="line">
            <a:avLst/>
          </a:prstGeom>
          <a:solidFill>
            <a:schemeClr val="tx2"/>
          </a:solidFill>
          <a:ln>
            <a:solidFill>
              <a:schemeClr val="bg1"/>
            </a:solidFill>
            <a:tail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238" name="Connector: Elbow 237">
            <a:extLst>
              <a:ext uri="{FF2B5EF4-FFF2-40B4-BE49-F238E27FC236}">
                <a16:creationId xmlns:a16="http://schemas.microsoft.com/office/drawing/2014/main" id="{C8AEEFBD-E998-904C-6867-F6E6C7D20D78}"/>
              </a:ext>
            </a:extLst>
          </p:cNvPr>
          <p:cNvCxnSpPr>
            <a:cxnSpLocks/>
          </p:cNvCxnSpPr>
          <p:nvPr/>
        </p:nvCxnSpPr>
        <p:spPr>
          <a:xfrm flipH="1">
            <a:off x="9903" y="1951527"/>
            <a:ext cx="2286000" cy="457200"/>
          </a:xfrm>
          <a:prstGeom prst="bentConnector3">
            <a:avLst>
              <a:gd name="adj1" fmla="val 17237"/>
            </a:avLst>
          </a:prstGeom>
          <a:solidFill>
            <a:schemeClr val="tx2"/>
          </a:solidFill>
          <a:ln>
            <a:solidFill>
              <a:schemeClr val="bg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239" name="Connector: Elbow 238">
            <a:extLst>
              <a:ext uri="{FF2B5EF4-FFF2-40B4-BE49-F238E27FC236}">
                <a16:creationId xmlns:a16="http://schemas.microsoft.com/office/drawing/2014/main" id="{C1BD3A5B-577F-08AE-4416-21736F2941FC}"/>
              </a:ext>
            </a:extLst>
          </p:cNvPr>
          <p:cNvCxnSpPr>
            <a:cxnSpLocks/>
          </p:cNvCxnSpPr>
          <p:nvPr/>
        </p:nvCxnSpPr>
        <p:spPr>
          <a:xfrm>
            <a:off x="5525603" y="3323002"/>
            <a:ext cx="1280160" cy="640080"/>
          </a:xfrm>
          <a:prstGeom prst="bentConnector3">
            <a:avLst>
              <a:gd name="adj1" fmla="val 20015"/>
            </a:avLst>
          </a:prstGeom>
          <a:solidFill>
            <a:schemeClr val="tx2"/>
          </a:solidFill>
          <a:ln>
            <a:solidFill>
              <a:schemeClr val="bg1"/>
            </a:solidFill>
            <a:headEnd type="oval" w="lg" len="lg"/>
          </a:ln>
        </p:spPr>
        <p:style>
          <a:lnRef idx="2">
            <a:schemeClr val="accent1">
              <a:shade val="50000"/>
            </a:schemeClr>
          </a:lnRef>
          <a:fillRef idx="1">
            <a:schemeClr val="accent1"/>
          </a:fillRef>
          <a:effectRef idx="0">
            <a:schemeClr val="accent1"/>
          </a:effectRef>
          <a:fontRef idx="minor">
            <a:schemeClr val="lt1"/>
          </a:fontRef>
        </p:style>
      </p:cxnSp>
      <p:sp>
        <p:nvSpPr>
          <p:cNvPr id="248" name="Rectangle 1023">
            <a:extLst>
              <a:ext uri="{FF2B5EF4-FFF2-40B4-BE49-F238E27FC236}">
                <a16:creationId xmlns:a16="http://schemas.microsoft.com/office/drawing/2014/main" id="{3ED4DB28-18AA-8487-5CC7-6666BB0CE548}"/>
              </a:ext>
            </a:extLst>
          </p:cNvPr>
          <p:cNvSpPr/>
          <p:nvPr/>
        </p:nvSpPr>
        <p:spPr>
          <a:xfrm rot="5400000" flipH="1" flipV="1">
            <a:off x="3472509" y="360389"/>
            <a:ext cx="1319940" cy="639821"/>
          </a:xfrm>
          <a:custGeom>
            <a:avLst/>
            <a:gdLst>
              <a:gd name="connsiteX0" fmla="*/ 0 w 1955926"/>
              <a:gd name="connsiteY0" fmla="*/ 0 h 1226319"/>
              <a:gd name="connsiteX1" fmla="*/ 1955926 w 1955926"/>
              <a:gd name="connsiteY1" fmla="*/ 0 h 1226319"/>
              <a:gd name="connsiteX2" fmla="*/ 1955926 w 1955926"/>
              <a:gd name="connsiteY2" fmla="*/ 1226319 h 1226319"/>
              <a:gd name="connsiteX3" fmla="*/ 0 w 1955926"/>
              <a:gd name="connsiteY3" fmla="*/ 1226319 h 1226319"/>
              <a:gd name="connsiteX4" fmla="*/ 0 w 1955926"/>
              <a:gd name="connsiteY4" fmla="*/ 0 h 122631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2047366"/>
              <a:gd name="connsiteY0" fmla="*/ 1226319 h 1317759"/>
              <a:gd name="connsiteX1" fmla="*/ 0 w 2047366"/>
              <a:gd name="connsiteY1" fmla="*/ 1226319 h 1317759"/>
              <a:gd name="connsiteX2" fmla="*/ 0 w 2047366"/>
              <a:gd name="connsiteY2" fmla="*/ 0 h 1317759"/>
              <a:gd name="connsiteX3" fmla="*/ 1955926 w 2047366"/>
              <a:gd name="connsiteY3" fmla="*/ 0 h 1317759"/>
              <a:gd name="connsiteX4" fmla="*/ 2047366 w 2047366"/>
              <a:gd name="connsiteY4" fmla="*/ 1317759 h 1317759"/>
              <a:gd name="connsiteX0" fmla="*/ 1955926 w 1955926"/>
              <a:gd name="connsiteY0" fmla="*/ 1226319 h 1226319"/>
              <a:gd name="connsiteX1" fmla="*/ 0 w 1955926"/>
              <a:gd name="connsiteY1" fmla="*/ 1226319 h 1226319"/>
              <a:gd name="connsiteX2" fmla="*/ 0 w 1955926"/>
              <a:gd name="connsiteY2" fmla="*/ 0 h 1226319"/>
              <a:gd name="connsiteX3" fmla="*/ 1955926 w 1955926"/>
              <a:gd name="connsiteY3" fmla="*/ 0 h 1226319"/>
              <a:gd name="connsiteX0" fmla="*/ 0 w 1955926"/>
              <a:gd name="connsiteY0" fmla="*/ 1226319 h 1226319"/>
              <a:gd name="connsiteX1" fmla="*/ 0 w 1955926"/>
              <a:gd name="connsiteY1" fmla="*/ 0 h 1226319"/>
              <a:gd name="connsiteX2" fmla="*/ 1955926 w 1955926"/>
              <a:gd name="connsiteY2" fmla="*/ 0 h 1226319"/>
            </a:gdLst>
            <a:ahLst/>
            <a:cxnLst>
              <a:cxn ang="0">
                <a:pos x="connsiteX0" y="connsiteY0"/>
              </a:cxn>
              <a:cxn ang="0">
                <a:pos x="connsiteX1" y="connsiteY1"/>
              </a:cxn>
              <a:cxn ang="0">
                <a:pos x="connsiteX2" y="connsiteY2"/>
              </a:cxn>
            </a:cxnLst>
            <a:rect l="l" t="t" r="r" b="b"/>
            <a:pathLst>
              <a:path w="1955926" h="1226319">
                <a:moveTo>
                  <a:pt x="0" y="1226319"/>
                </a:moveTo>
                <a:lnTo>
                  <a:pt x="0" y="0"/>
                </a:lnTo>
                <a:lnTo>
                  <a:pt x="1955926" y="0"/>
                </a:lnTo>
              </a:path>
            </a:pathLst>
          </a:custGeom>
          <a:noFill/>
          <a:ln>
            <a:solidFill>
              <a:schemeClr val="bg1"/>
            </a:solidFill>
            <a:headEnd type="oval" w="lg" len="lg"/>
            <a:tailEnd type="none" w="lg" len="lg"/>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err="1">
              <a:ln>
                <a:noFill/>
              </a:ln>
              <a:solidFill>
                <a:srgbClr val="FFFFFF"/>
              </a:solidFill>
              <a:effectLst/>
              <a:uLnTx/>
              <a:uFillTx/>
              <a:latin typeface="Arial"/>
              <a:ea typeface="MS Gothic"/>
              <a:cs typeface="+mn-cs"/>
            </a:endParaRPr>
          </a:p>
        </p:txBody>
      </p:sp>
      <p:cxnSp>
        <p:nvCxnSpPr>
          <p:cNvPr id="253" name="Straight Connector 252">
            <a:extLst>
              <a:ext uri="{FF2B5EF4-FFF2-40B4-BE49-F238E27FC236}">
                <a16:creationId xmlns:a16="http://schemas.microsoft.com/office/drawing/2014/main" id="{F1BBA188-FDED-3AF4-AAE3-68C8E3D373BD}"/>
              </a:ext>
            </a:extLst>
          </p:cNvPr>
          <p:cNvCxnSpPr>
            <a:cxnSpLocks/>
          </p:cNvCxnSpPr>
          <p:nvPr/>
        </p:nvCxnSpPr>
        <p:spPr>
          <a:xfrm flipH="1" flipV="1">
            <a:off x="6260656" y="2466685"/>
            <a:ext cx="573180" cy="1"/>
          </a:xfrm>
          <a:prstGeom prst="line">
            <a:avLst/>
          </a:prstGeom>
          <a:solidFill>
            <a:schemeClr val="tx2"/>
          </a:solidFill>
          <a:ln>
            <a:solidFill>
              <a:schemeClr val="bg1"/>
            </a:solidFill>
            <a:tailEnd type="oval" w="lg" len="lg"/>
          </a:ln>
        </p:spPr>
        <p:style>
          <a:lnRef idx="2">
            <a:schemeClr val="accent1">
              <a:shade val="50000"/>
            </a:schemeClr>
          </a:lnRef>
          <a:fillRef idx="1">
            <a:schemeClr val="accent1"/>
          </a:fillRef>
          <a:effectRef idx="0">
            <a:schemeClr val="accent1"/>
          </a:effectRef>
          <a:fontRef idx="minor">
            <a:schemeClr val="lt1"/>
          </a:fontRef>
        </p:style>
      </p:cxnSp>
      <p:cxnSp>
        <p:nvCxnSpPr>
          <p:cNvPr id="255" name="Straight Connector 254">
            <a:extLst>
              <a:ext uri="{FF2B5EF4-FFF2-40B4-BE49-F238E27FC236}">
                <a16:creationId xmlns:a16="http://schemas.microsoft.com/office/drawing/2014/main" id="{35C33CDB-27C2-B4A2-94E8-390B07ACF244}"/>
              </a:ext>
            </a:extLst>
          </p:cNvPr>
          <p:cNvCxnSpPr>
            <a:cxnSpLocks/>
          </p:cNvCxnSpPr>
          <p:nvPr/>
        </p:nvCxnSpPr>
        <p:spPr>
          <a:xfrm flipV="1">
            <a:off x="4638102" y="3689916"/>
            <a:ext cx="0" cy="855066"/>
          </a:xfrm>
          <a:prstGeom prst="line">
            <a:avLst/>
          </a:prstGeom>
          <a:solidFill>
            <a:schemeClr val="tx2"/>
          </a:solidFill>
          <a:ln>
            <a:solidFill>
              <a:schemeClr val="accent1"/>
            </a:solidFill>
            <a:tailEnd type="oval" w="lg" len="lg"/>
          </a:ln>
        </p:spPr>
        <p:style>
          <a:lnRef idx="2">
            <a:schemeClr val="accent1">
              <a:shade val="50000"/>
            </a:schemeClr>
          </a:lnRef>
          <a:fillRef idx="1">
            <a:schemeClr val="accent1"/>
          </a:fillRef>
          <a:effectRef idx="0">
            <a:schemeClr val="accent1"/>
          </a:effectRef>
          <a:fontRef idx="minor">
            <a:schemeClr val="lt1"/>
          </a:fontRef>
        </p:style>
      </p:cxnSp>
      <p:sp>
        <p:nvSpPr>
          <p:cNvPr id="263" name="Title 10">
            <a:extLst>
              <a:ext uri="{FF2B5EF4-FFF2-40B4-BE49-F238E27FC236}">
                <a16:creationId xmlns:a16="http://schemas.microsoft.com/office/drawing/2014/main" id="{F56C12B8-0010-3A71-9A0B-75BF01D1AF15}"/>
              </a:ext>
            </a:extLst>
          </p:cNvPr>
          <p:cNvSpPr>
            <a:spLocks noGrp="1"/>
          </p:cNvSpPr>
          <p:nvPr>
            <p:ph type="title"/>
          </p:nvPr>
        </p:nvSpPr>
        <p:spPr>
          <a:xfrm>
            <a:off x="7335519" y="94095"/>
            <a:ext cx="5420685" cy="1009650"/>
          </a:xfrm>
        </p:spPr>
        <p:txBody>
          <a:bodyPr/>
          <a:lstStyle/>
          <a:p>
            <a:r>
              <a:rPr lang="en-US" dirty="0">
                <a:solidFill>
                  <a:schemeClr val="accent2"/>
                </a:solidFill>
              </a:rPr>
              <a:t>Providing “Precision Care” with the use of data</a:t>
            </a:r>
          </a:p>
        </p:txBody>
      </p:sp>
      <p:graphicFrame>
        <p:nvGraphicFramePr>
          <p:cNvPr id="264" name="Table 16">
            <a:extLst>
              <a:ext uri="{FF2B5EF4-FFF2-40B4-BE49-F238E27FC236}">
                <a16:creationId xmlns:a16="http://schemas.microsoft.com/office/drawing/2014/main" id="{8968859A-9C4C-BD94-C184-94A764EA7838}"/>
              </a:ext>
            </a:extLst>
          </p:cNvPr>
          <p:cNvGraphicFramePr>
            <a:graphicFrameLocks noGrp="1"/>
          </p:cNvGraphicFramePr>
          <p:nvPr>
            <p:extLst>
              <p:ext uri="{D42A27DB-BD31-4B8C-83A1-F6EECF244321}">
                <p14:modId xmlns:p14="http://schemas.microsoft.com/office/powerpoint/2010/main" val="3111317801"/>
              </p:ext>
            </p:extLst>
          </p:nvPr>
        </p:nvGraphicFramePr>
        <p:xfrm>
          <a:off x="7643593" y="1569902"/>
          <a:ext cx="5628642" cy="4087408"/>
        </p:xfrm>
        <a:graphic>
          <a:graphicData uri="http://schemas.openxmlformats.org/drawingml/2006/table">
            <a:tbl>
              <a:tblPr firstRow="1" bandRow="1">
                <a:tableStyleId>{5C22544A-7EE6-4342-B048-85BDC9FD1C3A}</a:tableStyleId>
              </a:tblPr>
              <a:tblGrid>
                <a:gridCol w="1554481">
                  <a:extLst>
                    <a:ext uri="{9D8B030D-6E8A-4147-A177-3AD203B41FA5}">
                      <a16:colId xmlns:a16="http://schemas.microsoft.com/office/drawing/2014/main" val="949743137"/>
                    </a:ext>
                  </a:extLst>
                </a:gridCol>
                <a:gridCol w="4074161">
                  <a:extLst>
                    <a:ext uri="{9D8B030D-6E8A-4147-A177-3AD203B41FA5}">
                      <a16:colId xmlns:a16="http://schemas.microsoft.com/office/drawing/2014/main" val="1242081284"/>
                    </a:ext>
                  </a:extLst>
                </a:gridCol>
              </a:tblGrid>
              <a:tr h="1106444">
                <a:tc>
                  <a: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800" b="1" i="0" kern="1200" cap="none" spc="0" baseline="0" dirty="0">
                          <a:solidFill>
                            <a:schemeClr val="accent3"/>
                          </a:solidFill>
                          <a:latin typeface="+mj-lt"/>
                          <a:ea typeface="+mn-ea"/>
                          <a:cs typeface="+mn-cs"/>
                        </a:rPr>
                        <a:t>Test &amp;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800" b="1" i="0" kern="1200" cap="none" spc="0" baseline="0" dirty="0">
                          <a:solidFill>
                            <a:schemeClr val="accent3"/>
                          </a:solidFill>
                          <a:latin typeface="+mj-lt"/>
                          <a:ea typeface="+mn-ea"/>
                          <a:cs typeface="+mn-cs"/>
                        </a:rPr>
                        <a:t>Learn</a:t>
                      </a:r>
                    </a:p>
                  </a:txBody>
                  <a:tcPr marL="0" marR="0" anchor="ctr">
                    <a:lnL w="12700" cmpd="sng">
                      <a:noFill/>
                    </a:lnL>
                    <a:lnR w="12700" cmpd="sng">
                      <a:noFill/>
                    </a:lnR>
                    <a:lnT w="12700" cmpd="sng">
                      <a:noFill/>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600" b="0" kern="1200" baseline="0" dirty="0">
                          <a:solidFill>
                            <a:schemeClr val="accent4"/>
                          </a:solidFill>
                          <a:latin typeface="+mn-lt"/>
                          <a:ea typeface="+mn-ea"/>
                          <a:cs typeface="+mn-cs"/>
                        </a:rPr>
                        <a:t>Build Queries,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600" b="0" kern="1200" baseline="0" dirty="0">
                          <a:solidFill>
                            <a:schemeClr val="accent4"/>
                          </a:solidFill>
                          <a:latin typeface="+mn-lt"/>
                          <a:ea typeface="+mn-ea"/>
                          <a:cs typeface="+mn-cs"/>
                        </a:rPr>
                        <a:t>Ideate Solutions,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600" b="0" kern="1200" baseline="0" dirty="0">
                          <a:solidFill>
                            <a:schemeClr val="accent4"/>
                          </a:solidFill>
                          <a:latin typeface="+mn-lt"/>
                          <a:ea typeface="+mn-ea"/>
                          <a:cs typeface="+mn-cs"/>
                        </a:rPr>
                        <a:t>Measure Success</a:t>
                      </a:r>
                      <a:endParaRPr lang="en-US" sz="1600" b="0" kern="1200" dirty="0">
                        <a:solidFill>
                          <a:schemeClr val="accent4"/>
                        </a:solidFill>
                        <a:latin typeface="+mn-lt"/>
                        <a:ea typeface="+mn-ea"/>
                        <a:cs typeface="+mn-cs"/>
                      </a:endParaRPr>
                    </a:p>
                  </a:txBody>
                  <a:tcPr marL="0" marR="0" anchor="ctr">
                    <a:lnL w="12700" cmpd="sng">
                      <a:noFill/>
                    </a:lnL>
                    <a:lnR w="12700" cmpd="sng">
                      <a:noFill/>
                    </a:lnR>
                    <a:lnT w="12700" cmpd="sng">
                      <a:noFill/>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451771990"/>
                  </a:ext>
                </a:extLst>
              </a:tr>
              <a:tr h="1106444">
                <a:tc>
                  <a: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800" b="1" i="0" kern="1200" cap="none" spc="0" baseline="0" dirty="0">
                          <a:solidFill>
                            <a:schemeClr val="accent3"/>
                          </a:solidFill>
                          <a:latin typeface="+mj-lt"/>
                          <a:ea typeface="+mn-ea"/>
                          <a:cs typeface="+mn-cs"/>
                        </a:rPr>
                        <a:t>Flexibility</a:t>
                      </a:r>
                    </a:p>
                  </a:txBody>
                  <a:tcPr marL="0" marR="0" anchor="ctr">
                    <a:lnL w="12700" cmpd="sng">
                      <a:noFill/>
                    </a:lnL>
                    <a:lnR w="12700" cmpd="sng">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600" baseline="0" dirty="0">
                          <a:solidFill>
                            <a:schemeClr val="accent4"/>
                          </a:solidFill>
                        </a:rPr>
                        <a:t>Willingness to adjust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600" baseline="0" dirty="0">
                          <a:solidFill>
                            <a:schemeClr val="accent4"/>
                          </a:solidFill>
                        </a:rPr>
                        <a:t>criteria and outreaches</a:t>
                      </a:r>
                    </a:p>
                  </a:txBody>
                  <a:tcPr marL="0" marR="0" anchor="ctr">
                    <a:lnL w="12700" cmpd="sng">
                      <a:noFill/>
                    </a:lnL>
                    <a:lnR w="12700" cmpd="sng">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985519301"/>
                  </a:ext>
                </a:extLst>
              </a:tr>
              <a:tr h="802714">
                <a:tc>
                  <a: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800" b="1" i="0" kern="1200" cap="none" spc="0" baseline="0" dirty="0">
                          <a:solidFill>
                            <a:schemeClr val="accent3"/>
                          </a:solidFill>
                          <a:latin typeface="+mj-lt"/>
                          <a:ea typeface="+mn-ea"/>
                          <a:cs typeface="+mn-cs"/>
                        </a:rPr>
                        <a:t>Research</a:t>
                      </a:r>
                    </a:p>
                  </a:txBody>
                  <a:tcPr marL="0" marR="0" anchor="ctr">
                    <a:lnL w="12700" cmpd="sng">
                      <a:noFill/>
                    </a:lnL>
                    <a:lnR w="12700" cmpd="sng">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chemeClr val="accent4"/>
                          </a:solidFill>
                        </a:rPr>
                        <a:t>Assess areas</a:t>
                      </a:r>
                      <a:r>
                        <a:rPr lang="en-US" sz="1600" baseline="0" dirty="0">
                          <a:solidFill>
                            <a:schemeClr val="accent4"/>
                          </a:solidFill>
                        </a:rPr>
                        <a:t> of care most likely to have barriers</a:t>
                      </a:r>
                    </a:p>
                    <a:p>
                      <a:pPr marL="18288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600" baseline="0" dirty="0">
                          <a:solidFill>
                            <a:schemeClr val="accent4"/>
                          </a:solidFill>
                        </a:rPr>
                        <a:t>Poly ACH</a:t>
                      </a:r>
                    </a:p>
                    <a:p>
                      <a:pPr marL="18288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600" baseline="0" dirty="0">
                          <a:solidFill>
                            <a:schemeClr val="accent4"/>
                          </a:solidFill>
                        </a:rPr>
                        <a:t>Recalcitrant </a:t>
                      </a:r>
                    </a:p>
                    <a:p>
                      <a:pPr marL="18288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600" baseline="0" dirty="0">
                          <a:solidFill>
                            <a:schemeClr val="accent4"/>
                          </a:solidFill>
                        </a:rPr>
                        <a:t>Women’s Health</a:t>
                      </a:r>
                    </a:p>
                    <a:p>
                      <a:pPr marL="18288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600" baseline="0" dirty="0">
                          <a:solidFill>
                            <a:schemeClr val="accent4"/>
                          </a:solidFill>
                        </a:rPr>
                        <a:t>Poly CNS</a:t>
                      </a:r>
                    </a:p>
                    <a:p>
                      <a:pPr marL="18288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600" baseline="0" dirty="0">
                          <a:solidFill>
                            <a:schemeClr val="accent4"/>
                          </a:solidFill>
                        </a:rPr>
                        <a:t>Primary Non-Adherence</a:t>
                      </a:r>
                      <a:endParaRPr lang="en-US" sz="1600" dirty="0">
                        <a:solidFill>
                          <a:schemeClr val="accent4"/>
                        </a:solidFill>
                      </a:endParaRPr>
                    </a:p>
                  </a:txBody>
                  <a:tcPr marL="0" marR="0" anchor="ctr">
                    <a:lnL w="12700" cmpd="sng">
                      <a:noFill/>
                    </a:lnL>
                    <a:lnR w="12700" cmpd="sng">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538498419"/>
                  </a:ext>
                </a:extLst>
              </a:tr>
            </a:tbl>
          </a:graphicData>
        </a:graphic>
      </p:graphicFrame>
      <p:sp>
        <p:nvSpPr>
          <p:cNvPr id="265" name="Freeform 230">
            <a:extLst>
              <a:ext uri="{FF2B5EF4-FFF2-40B4-BE49-F238E27FC236}">
                <a16:creationId xmlns:a16="http://schemas.microsoft.com/office/drawing/2014/main" id="{BBD4ABFC-8765-7F71-E929-0A8737370C99}"/>
              </a:ext>
            </a:extLst>
          </p:cNvPr>
          <p:cNvSpPr>
            <a:spLocks noEditPoints="1"/>
          </p:cNvSpPr>
          <p:nvPr/>
        </p:nvSpPr>
        <p:spPr bwMode="auto">
          <a:xfrm>
            <a:off x="5489625" y="869911"/>
            <a:ext cx="558800" cy="325438"/>
          </a:xfrm>
          <a:custGeom>
            <a:avLst/>
            <a:gdLst>
              <a:gd name="T0" fmla="*/ 472 w 479"/>
              <a:gd name="T1" fmla="*/ 140 h 279"/>
              <a:gd name="T2" fmla="*/ 439 w 479"/>
              <a:gd name="T3" fmla="*/ 121 h 279"/>
              <a:gd name="T4" fmla="*/ 463 w 479"/>
              <a:gd name="T5" fmla="*/ 69 h 279"/>
              <a:gd name="T6" fmla="*/ 394 w 479"/>
              <a:gd name="T7" fmla="*/ 0 h 279"/>
              <a:gd name="T8" fmla="*/ 324 w 479"/>
              <a:gd name="T9" fmla="*/ 69 h 279"/>
              <a:gd name="T10" fmla="*/ 348 w 479"/>
              <a:gd name="T11" fmla="*/ 121 h 279"/>
              <a:gd name="T12" fmla="*/ 299 w 479"/>
              <a:gd name="T13" fmla="*/ 155 h 279"/>
              <a:gd name="T14" fmla="*/ 285 w 479"/>
              <a:gd name="T15" fmla="*/ 149 h 279"/>
              <a:gd name="T16" fmla="*/ 309 w 479"/>
              <a:gd name="T17" fmla="*/ 97 h 279"/>
              <a:gd name="T18" fmla="*/ 239 w 479"/>
              <a:gd name="T19" fmla="*/ 28 h 279"/>
              <a:gd name="T20" fmla="*/ 170 w 479"/>
              <a:gd name="T21" fmla="*/ 97 h 279"/>
              <a:gd name="T22" fmla="*/ 193 w 479"/>
              <a:gd name="T23" fmla="*/ 149 h 279"/>
              <a:gd name="T24" fmla="*/ 180 w 479"/>
              <a:gd name="T25" fmla="*/ 155 h 279"/>
              <a:gd name="T26" fmla="*/ 131 w 479"/>
              <a:gd name="T27" fmla="*/ 121 h 279"/>
              <a:gd name="T28" fmla="*/ 154 w 479"/>
              <a:gd name="T29" fmla="*/ 69 h 279"/>
              <a:gd name="T30" fmla="*/ 85 w 479"/>
              <a:gd name="T31" fmla="*/ 0 h 279"/>
              <a:gd name="T32" fmla="*/ 16 w 479"/>
              <a:gd name="T33" fmla="*/ 69 h 279"/>
              <a:gd name="T34" fmla="*/ 39 w 479"/>
              <a:gd name="T35" fmla="*/ 121 h 279"/>
              <a:gd name="T36" fmla="*/ 7 w 479"/>
              <a:gd name="T37" fmla="*/ 140 h 279"/>
              <a:gd name="T38" fmla="*/ 5 w 479"/>
              <a:gd name="T39" fmla="*/ 158 h 279"/>
              <a:gd name="T40" fmla="*/ 23 w 479"/>
              <a:gd name="T41" fmla="*/ 160 h 279"/>
              <a:gd name="T42" fmla="*/ 85 w 479"/>
              <a:gd name="T43" fmla="*/ 139 h 279"/>
              <a:gd name="T44" fmla="*/ 158 w 479"/>
              <a:gd name="T45" fmla="*/ 171 h 279"/>
              <a:gd name="T46" fmla="*/ 114 w 479"/>
              <a:gd name="T47" fmla="*/ 266 h 279"/>
              <a:gd name="T48" fmla="*/ 127 w 479"/>
              <a:gd name="T49" fmla="*/ 279 h 279"/>
              <a:gd name="T50" fmla="*/ 140 w 479"/>
              <a:gd name="T51" fmla="*/ 266 h 279"/>
              <a:gd name="T52" fmla="*/ 239 w 479"/>
              <a:gd name="T53" fmla="*/ 167 h 279"/>
              <a:gd name="T54" fmla="*/ 338 w 479"/>
              <a:gd name="T55" fmla="*/ 266 h 279"/>
              <a:gd name="T56" fmla="*/ 352 w 479"/>
              <a:gd name="T57" fmla="*/ 279 h 279"/>
              <a:gd name="T58" fmla="*/ 365 w 479"/>
              <a:gd name="T59" fmla="*/ 266 h 279"/>
              <a:gd name="T60" fmla="*/ 321 w 479"/>
              <a:gd name="T61" fmla="*/ 171 h 279"/>
              <a:gd name="T62" fmla="*/ 394 w 479"/>
              <a:gd name="T63" fmla="*/ 139 h 279"/>
              <a:gd name="T64" fmla="*/ 455 w 479"/>
              <a:gd name="T65" fmla="*/ 160 h 279"/>
              <a:gd name="T66" fmla="*/ 474 w 479"/>
              <a:gd name="T67" fmla="*/ 158 h 279"/>
              <a:gd name="T68" fmla="*/ 472 w 479"/>
              <a:gd name="T69" fmla="*/ 140 h 279"/>
              <a:gd name="T70" fmla="*/ 42 w 479"/>
              <a:gd name="T71" fmla="*/ 69 h 279"/>
              <a:gd name="T72" fmla="*/ 85 w 479"/>
              <a:gd name="T73" fmla="*/ 26 h 279"/>
              <a:gd name="T74" fmla="*/ 128 w 479"/>
              <a:gd name="T75" fmla="*/ 69 h 279"/>
              <a:gd name="T76" fmla="*/ 85 w 479"/>
              <a:gd name="T77" fmla="*/ 112 h 279"/>
              <a:gd name="T78" fmla="*/ 42 w 479"/>
              <a:gd name="T79" fmla="*/ 69 h 279"/>
              <a:gd name="T80" fmla="*/ 196 w 479"/>
              <a:gd name="T81" fmla="*/ 97 h 279"/>
              <a:gd name="T82" fmla="*/ 239 w 479"/>
              <a:gd name="T83" fmla="*/ 55 h 279"/>
              <a:gd name="T84" fmla="*/ 282 w 479"/>
              <a:gd name="T85" fmla="*/ 97 h 279"/>
              <a:gd name="T86" fmla="*/ 239 w 479"/>
              <a:gd name="T87" fmla="*/ 140 h 279"/>
              <a:gd name="T88" fmla="*/ 196 w 479"/>
              <a:gd name="T89" fmla="*/ 97 h 279"/>
              <a:gd name="T90" fmla="*/ 351 w 479"/>
              <a:gd name="T91" fmla="*/ 69 h 279"/>
              <a:gd name="T92" fmla="*/ 394 w 479"/>
              <a:gd name="T93" fmla="*/ 26 h 279"/>
              <a:gd name="T94" fmla="*/ 436 w 479"/>
              <a:gd name="T95" fmla="*/ 69 h 279"/>
              <a:gd name="T96" fmla="*/ 394 w 479"/>
              <a:gd name="T97" fmla="*/ 112 h 279"/>
              <a:gd name="T98" fmla="*/ 351 w 479"/>
              <a:gd name="T99" fmla="*/ 69 h 27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479" h="279">
                <a:moveTo>
                  <a:pt x="472" y="140"/>
                </a:moveTo>
                <a:cubicBezTo>
                  <a:pt x="462" y="132"/>
                  <a:pt x="451" y="126"/>
                  <a:pt x="439" y="121"/>
                </a:cubicBezTo>
                <a:cubicBezTo>
                  <a:pt x="454" y="108"/>
                  <a:pt x="463" y="90"/>
                  <a:pt x="463" y="69"/>
                </a:cubicBezTo>
                <a:cubicBezTo>
                  <a:pt x="463" y="31"/>
                  <a:pt x="432" y="0"/>
                  <a:pt x="394" y="0"/>
                </a:cubicBezTo>
                <a:cubicBezTo>
                  <a:pt x="355" y="0"/>
                  <a:pt x="324" y="31"/>
                  <a:pt x="324" y="69"/>
                </a:cubicBezTo>
                <a:cubicBezTo>
                  <a:pt x="324" y="90"/>
                  <a:pt x="333" y="108"/>
                  <a:pt x="348" y="121"/>
                </a:cubicBezTo>
                <a:cubicBezTo>
                  <a:pt x="329" y="128"/>
                  <a:pt x="312" y="140"/>
                  <a:pt x="299" y="155"/>
                </a:cubicBezTo>
                <a:cubicBezTo>
                  <a:pt x="295" y="153"/>
                  <a:pt x="290" y="151"/>
                  <a:pt x="285" y="149"/>
                </a:cubicBezTo>
                <a:cubicBezTo>
                  <a:pt x="300" y="136"/>
                  <a:pt x="309" y="118"/>
                  <a:pt x="309" y="97"/>
                </a:cubicBezTo>
                <a:cubicBezTo>
                  <a:pt x="309" y="59"/>
                  <a:pt x="278" y="28"/>
                  <a:pt x="239" y="28"/>
                </a:cubicBezTo>
                <a:cubicBezTo>
                  <a:pt x="201" y="28"/>
                  <a:pt x="170" y="59"/>
                  <a:pt x="170" y="97"/>
                </a:cubicBezTo>
                <a:cubicBezTo>
                  <a:pt x="170" y="118"/>
                  <a:pt x="179" y="136"/>
                  <a:pt x="193" y="149"/>
                </a:cubicBezTo>
                <a:cubicBezTo>
                  <a:pt x="189" y="151"/>
                  <a:pt x="184" y="153"/>
                  <a:pt x="180" y="155"/>
                </a:cubicBezTo>
                <a:cubicBezTo>
                  <a:pt x="166" y="140"/>
                  <a:pt x="150" y="128"/>
                  <a:pt x="131" y="121"/>
                </a:cubicBezTo>
                <a:cubicBezTo>
                  <a:pt x="145" y="108"/>
                  <a:pt x="154" y="90"/>
                  <a:pt x="154" y="69"/>
                </a:cubicBezTo>
                <a:cubicBezTo>
                  <a:pt x="154" y="31"/>
                  <a:pt x="123" y="0"/>
                  <a:pt x="85" y="0"/>
                </a:cubicBezTo>
                <a:cubicBezTo>
                  <a:pt x="47" y="0"/>
                  <a:pt x="16" y="31"/>
                  <a:pt x="16" y="69"/>
                </a:cubicBezTo>
                <a:cubicBezTo>
                  <a:pt x="16" y="90"/>
                  <a:pt x="25" y="108"/>
                  <a:pt x="39" y="121"/>
                </a:cubicBezTo>
                <a:cubicBezTo>
                  <a:pt x="28" y="126"/>
                  <a:pt x="17" y="132"/>
                  <a:pt x="7" y="140"/>
                </a:cubicBezTo>
                <a:cubicBezTo>
                  <a:pt x="1" y="144"/>
                  <a:pt x="0" y="153"/>
                  <a:pt x="5" y="158"/>
                </a:cubicBezTo>
                <a:cubicBezTo>
                  <a:pt x="9" y="164"/>
                  <a:pt x="18" y="165"/>
                  <a:pt x="23" y="160"/>
                </a:cubicBezTo>
                <a:cubicBezTo>
                  <a:pt x="41" y="146"/>
                  <a:pt x="62" y="139"/>
                  <a:pt x="85" y="139"/>
                </a:cubicBezTo>
                <a:cubicBezTo>
                  <a:pt x="113" y="139"/>
                  <a:pt x="139" y="150"/>
                  <a:pt x="158" y="171"/>
                </a:cubicBezTo>
                <a:cubicBezTo>
                  <a:pt x="131" y="194"/>
                  <a:pt x="114" y="228"/>
                  <a:pt x="114" y="266"/>
                </a:cubicBezTo>
                <a:cubicBezTo>
                  <a:pt x="114" y="273"/>
                  <a:pt x="120" y="279"/>
                  <a:pt x="127" y="279"/>
                </a:cubicBezTo>
                <a:cubicBezTo>
                  <a:pt x="135" y="279"/>
                  <a:pt x="140" y="273"/>
                  <a:pt x="140" y="266"/>
                </a:cubicBezTo>
                <a:cubicBezTo>
                  <a:pt x="140" y="211"/>
                  <a:pt x="185" y="167"/>
                  <a:pt x="239" y="167"/>
                </a:cubicBezTo>
                <a:cubicBezTo>
                  <a:pt x="294" y="167"/>
                  <a:pt x="338" y="211"/>
                  <a:pt x="338" y="266"/>
                </a:cubicBezTo>
                <a:cubicBezTo>
                  <a:pt x="338" y="273"/>
                  <a:pt x="344" y="279"/>
                  <a:pt x="352" y="279"/>
                </a:cubicBezTo>
                <a:cubicBezTo>
                  <a:pt x="359" y="279"/>
                  <a:pt x="365" y="273"/>
                  <a:pt x="365" y="266"/>
                </a:cubicBezTo>
                <a:cubicBezTo>
                  <a:pt x="365" y="228"/>
                  <a:pt x="348" y="194"/>
                  <a:pt x="321" y="171"/>
                </a:cubicBezTo>
                <a:cubicBezTo>
                  <a:pt x="339" y="150"/>
                  <a:pt x="366" y="139"/>
                  <a:pt x="394" y="139"/>
                </a:cubicBezTo>
                <a:cubicBezTo>
                  <a:pt x="416" y="139"/>
                  <a:pt x="438" y="146"/>
                  <a:pt x="455" y="160"/>
                </a:cubicBezTo>
                <a:cubicBezTo>
                  <a:pt x="461" y="165"/>
                  <a:pt x="469" y="164"/>
                  <a:pt x="474" y="158"/>
                </a:cubicBezTo>
                <a:cubicBezTo>
                  <a:pt x="479" y="153"/>
                  <a:pt x="478" y="144"/>
                  <a:pt x="472" y="140"/>
                </a:cubicBezTo>
                <a:close/>
                <a:moveTo>
                  <a:pt x="42" y="69"/>
                </a:moveTo>
                <a:cubicBezTo>
                  <a:pt x="42" y="46"/>
                  <a:pt x="62" y="26"/>
                  <a:pt x="85" y="26"/>
                </a:cubicBezTo>
                <a:cubicBezTo>
                  <a:pt x="109" y="26"/>
                  <a:pt x="128" y="46"/>
                  <a:pt x="128" y="69"/>
                </a:cubicBezTo>
                <a:cubicBezTo>
                  <a:pt x="128" y="93"/>
                  <a:pt x="109" y="112"/>
                  <a:pt x="85" y="112"/>
                </a:cubicBezTo>
                <a:cubicBezTo>
                  <a:pt x="62" y="112"/>
                  <a:pt x="42" y="93"/>
                  <a:pt x="42" y="69"/>
                </a:cubicBezTo>
                <a:close/>
                <a:moveTo>
                  <a:pt x="196" y="97"/>
                </a:moveTo>
                <a:cubicBezTo>
                  <a:pt x="196" y="74"/>
                  <a:pt x="216" y="55"/>
                  <a:pt x="239" y="55"/>
                </a:cubicBezTo>
                <a:cubicBezTo>
                  <a:pt x="263" y="55"/>
                  <a:pt x="282" y="74"/>
                  <a:pt x="282" y="97"/>
                </a:cubicBezTo>
                <a:cubicBezTo>
                  <a:pt x="282" y="121"/>
                  <a:pt x="263" y="140"/>
                  <a:pt x="239" y="140"/>
                </a:cubicBezTo>
                <a:cubicBezTo>
                  <a:pt x="216" y="140"/>
                  <a:pt x="196" y="121"/>
                  <a:pt x="196" y="97"/>
                </a:cubicBezTo>
                <a:close/>
                <a:moveTo>
                  <a:pt x="351" y="69"/>
                </a:moveTo>
                <a:cubicBezTo>
                  <a:pt x="351" y="46"/>
                  <a:pt x="370" y="26"/>
                  <a:pt x="394" y="26"/>
                </a:cubicBezTo>
                <a:cubicBezTo>
                  <a:pt x="417" y="26"/>
                  <a:pt x="436" y="46"/>
                  <a:pt x="436" y="69"/>
                </a:cubicBezTo>
                <a:cubicBezTo>
                  <a:pt x="436" y="93"/>
                  <a:pt x="417" y="112"/>
                  <a:pt x="394" y="112"/>
                </a:cubicBezTo>
                <a:cubicBezTo>
                  <a:pt x="370" y="112"/>
                  <a:pt x="351" y="93"/>
                  <a:pt x="351" y="69"/>
                </a:cubicBezTo>
                <a:close/>
              </a:path>
            </a:pathLst>
          </a:custGeom>
          <a:solidFill>
            <a:srgbClr val="DAFA87"/>
          </a:solidFill>
          <a:ln>
            <a:noFill/>
          </a:ln>
        </p:spPr>
        <p:txBody>
          <a:bodyPr vert="horz" wrap="square" lIns="91440" tIns="45720" rIns="91440" bIns="45720" numCol="1" anchor="t" anchorCtr="0" compatLnSpc="1">
            <a:prstTxWarp prst="textNoShape">
              <a:avLst/>
            </a:prstTxWarp>
          </a:bodyPr>
          <a:lstStyle/>
          <a:p>
            <a:endParaRPr lang="en-US"/>
          </a:p>
        </p:txBody>
      </p:sp>
      <p:grpSp>
        <p:nvGrpSpPr>
          <p:cNvPr id="266" name="Group 265">
            <a:extLst>
              <a:ext uri="{FF2B5EF4-FFF2-40B4-BE49-F238E27FC236}">
                <a16:creationId xmlns:a16="http://schemas.microsoft.com/office/drawing/2014/main" id="{B3554D17-DDA1-96F7-BDE8-807175F36C0D}"/>
              </a:ext>
            </a:extLst>
          </p:cNvPr>
          <p:cNvGrpSpPr/>
          <p:nvPr/>
        </p:nvGrpSpPr>
        <p:grpSpPr>
          <a:xfrm>
            <a:off x="4261424" y="391418"/>
            <a:ext cx="554038" cy="554038"/>
            <a:chOff x="5957894" y="5935665"/>
            <a:chExt cx="554038" cy="554038"/>
          </a:xfrm>
          <a:solidFill>
            <a:schemeClr val="bg2"/>
          </a:solidFill>
        </p:grpSpPr>
        <p:sp>
          <p:nvSpPr>
            <p:cNvPr id="267" name="Freeform 462">
              <a:extLst>
                <a:ext uri="{FF2B5EF4-FFF2-40B4-BE49-F238E27FC236}">
                  <a16:creationId xmlns:a16="http://schemas.microsoft.com/office/drawing/2014/main" id="{1EBB9947-5F29-8B99-72F8-BA4D62167497}"/>
                </a:ext>
              </a:extLst>
            </p:cNvPr>
            <p:cNvSpPr>
              <a:spLocks noEditPoints="1"/>
            </p:cNvSpPr>
            <p:nvPr/>
          </p:nvSpPr>
          <p:spPr bwMode="auto">
            <a:xfrm>
              <a:off x="5957894" y="5997578"/>
              <a:ext cx="493713" cy="492125"/>
            </a:xfrm>
            <a:custGeom>
              <a:avLst/>
              <a:gdLst>
                <a:gd name="T0" fmla="*/ 409 w 422"/>
                <a:gd name="T1" fmla="*/ 197 h 422"/>
                <a:gd name="T2" fmla="*/ 224 w 422"/>
                <a:gd name="T3" fmla="*/ 197 h 422"/>
                <a:gd name="T4" fmla="*/ 224 w 422"/>
                <a:gd name="T5" fmla="*/ 13 h 422"/>
                <a:gd name="T6" fmla="*/ 220 w 422"/>
                <a:gd name="T7" fmla="*/ 3 h 422"/>
                <a:gd name="T8" fmla="*/ 211 w 422"/>
                <a:gd name="T9" fmla="*/ 0 h 422"/>
                <a:gd name="T10" fmla="*/ 211 w 422"/>
                <a:gd name="T11" fmla="*/ 0 h 422"/>
                <a:gd name="T12" fmla="*/ 0 w 422"/>
                <a:gd name="T13" fmla="*/ 211 h 422"/>
                <a:gd name="T14" fmla="*/ 211 w 422"/>
                <a:gd name="T15" fmla="*/ 422 h 422"/>
                <a:gd name="T16" fmla="*/ 422 w 422"/>
                <a:gd name="T17" fmla="*/ 211 h 422"/>
                <a:gd name="T18" fmla="*/ 409 w 422"/>
                <a:gd name="T19" fmla="*/ 197 h 422"/>
                <a:gd name="T20" fmla="*/ 211 w 422"/>
                <a:gd name="T21" fmla="*/ 395 h 422"/>
                <a:gd name="T22" fmla="*/ 27 w 422"/>
                <a:gd name="T23" fmla="*/ 211 h 422"/>
                <a:gd name="T24" fmla="*/ 197 w 422"/>
                <a:gd name="T25" fmla="*/ 27 h 422"/>
                <a:gd name="T26" fmla="*/ 197 w 422"/>
                <a:gd name="T27" fmla="*/ 211 h 422"/>
                <a:gd name="T28" fmla="*/ 211 w 422"/>
                <a:gd name="T29" fmla="*/ 224 h 422"/>
                <a:gd name="T30" fmla="*/ 395 w 422"/>
                <a:gd name="T31" fmla="*/ 224 h 422"/>
                <a:gd name="T32" fmla="*/ 211 w 422"/>
                <a:gd name="T33" fmla="*/ 395 h 42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422" h="422">
                  <a:moveTo>
                    <a:pt x="409" y="197"/>
                  </a:moveTo>
                  <a:cubicBezTo>
                    <a:pt x="224" y="197"/>
                    <a:pt x="224" y="197"/>
                    <a:pt x="224" y="197"/>
                  </a:cubicBezTo>
                  <a:cubicBezTo>
                    <a:pt x="224" y="13"/>
                    <a:pt x="224" y="13"/>
                    <a:pt x="224" y="13"/>
                  </a:cubicBezTo>
                  <a:cubicBezTo>
                    <a:pt x="224" y="9"/>
                    <a:pt x="222" y="6"/>
                    <a:pt x="220" y="3"/>
                  </a:cubicBezTo>
                  <a:cubicBezTo>
                    <a:pt x="217" y="1"/>
                    <a:pt x="214" y="0"/>
                    <a:pt x="211" y="0"/>
                  </a:cubicBezTo>
                  <a:cubicBezTo>
                    <a:pt x="211" y="0"/>
                    <a:pt x="211" y="0"/>
                    <a:pt x="211" y="0"/>
                  </a:cubicBezTo>
                  <a:cubicBezTo>
                    <a:pt x="95" y="0"/>
                    <a:pt x="0" y="95"/>
                    <a:pt x="0" y="211"/>
                  </a:cubicBezTo>
                  <a:cubicBezTo>
                    <a:pt x="0" y="327"/>
                    <a:pt x="95" y="422"/>
                    <a:pt x="211" y="422"/>
                  </a:cubicBezTo>
                  <a:cubicBezTo>
                    <a:pt x="328" y="422"/>
                    <a:pt x="422" y="327"/>
                    <a:pt x="422" y="211"/>
                  </a:cubicBezTo>
                  <a:cubicBezTo>
                    <a:pt x="422" y="203"/>
                    <a:pt x="416" y="197"/>
                    <a:pt x="409" y="197"/>
                  </a:cubicBezTo>
                  <a:close/>
                  <a:moveTo>
                    <a:pt x="211" y="395"/>
                  </a:moveTo>
                  <a:cubicBezTo>
                    <a:pt x="109" y="395"/>
                    <a:pt x="27" y="313"/>
                    <a:pt x="27" y="211"/>
                  </a:cubicBezTo>
                  <a:cubicBezTo>
                    <a:pt x="27" y="114"/>
                    <a:pt x="102" y="34"/>
                    <a:pt x="197" y="27"/>
                  </a:cubicBezTo>
                  <a:cubicBezTo>
                    <a:pt x="197" y="211"/>
                    <a:pt x="197" y="211"/>
                    <a:pt x="197" y="211"/>
                  </a:cubicBezTo>
                  <a:cubicBezTo>
                    <a:pt x="197" y="218"/>
                    <a:pt x="203" y="224"/>
                    <a:pt x="211" y="224"/>
                  </a:cubicBezTo>
                  <a:cubicBezTo>
                    <a:pt x="395" y="224"/>
                    <a:pt x="395" y="224"/>
                    <a:pt x="395" y="224"/>
                  </a:cubicBezTo>
                  <a:cubicBezTo>
                    <a:pt x="389" y="320"/>
                    <a:pt x="309" y="395"/>
                    <a:pt x="211" y="39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68" name="Freeform 463">
              <a:extLst>
                <a:ext uri="{FF2B5EF4-FFF2-40B4-BE49-F238E27FC236}">
                  <a16:creationId xmlns:a16="http://schemas.microsoft.com/office/drawing/2014/main" id="{FB52375D-867E-722F-8FE2-7012B597CBFB}"/>
                </a:ext>
              </a:extLst>
            </p:cNvPr>
            <p:cNvSpPr>
              <a:spLocks noEditPoints="1"/>
            </p:cNvSpPr>
            <p:nvPr/>
          </p:nvSpPr>
          <p:spPr bwMode="auto">
            <a:xfrm>
              <a:off x="6249994" y="5935665"/>
              <a:ext cx="261938" cy="261938"/>
            </a:xfrm>
            <a:custGeom>
              <a:avLst/>
              <a:gdLst>
                <a:gd name="T0" fmla="*/ 13 w 224"/>
                <a:gd name="T1" fmla="*/ 0 h 224"/>
                <a:gd name="T2" fmla="*/ 4 w 224"/>
                <a:gd name="T3" fmla="*/ 4 h 224"/>
                <a:gd name="T4" fmla="*/ 0 w 224"/>
                <a:gd name="T5" fmla="*/ 13 h 224"/>
                <a:gd name="T6" fmla="*/ 0 w 224"/>
                <a:gd name="T7" fmla="*/ 211 h 224"/>
                <a:gd name="T8" fmla="*/ 13 w 224"/>
                <a:gd name="T9" fmla="*/ 224 h 224"/>
                <a:gd name="T10" fmla="*/ 211 w 224"/>
                <a:gd name="T11" fmla="*/ 224 h 224"/>
                <a:gd name="T12" fmla="*/ 221 w 224"/>
                <a:gd name="T13" fmla="*/ 220 h 224"/>
                <a:gd name="T14" fmla="*/ 224 w 224"/>
                <a:gd name="T15" fmla="*/ 211 h 224"/>
                <a:gd name="T16" fmla="*/ 13 w 224"/>
                <a:gd name="T17" fmla="*/ 0 h 224"/>
                <a:gd name="T18" fmla="*/ 27 w 224"/>
                <a:gd name="T19" fmla="*/ 198 h 224"/>
                <a:gd name="T20" fmla="*/ 27 w 224"/>
                <a:gd name="T21" fmla="*/ 27 h 224"/>
                <a:gd name="T22" fmla="*/ 198 w 224"/>
                <a:gd name="T23" fmla="*/ 198 h 224"/>
                <a:gd name="T24" fmla="*/ 27 w 224"/>
                <a:gd name="T25" fmla="*/ 198 h 2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224" h="224">
                  <a:moveTo>
                    <a:pt x="13" y="0"/>
                  </a:moveTo>
                  <a:cubicBezTo>
                    <a:pt x="10" y="0"/>
                    <a:pt x="6" y="1"/>
                    <a:pt x="4" y="4"/>
                  </a:cubicBezTo>
                  <a:cubicBezTo>
                    <a:pt x="2" y="6"/>
                    <a:pt x="0" y="10"/>
                    <a:pt x="0" y="13"/>
                  </a:cubicBezTo>
                  <a:cubicBezTo>
                    <a:pt x="0" y="211"/>
                    <a:pt x="0" y="211"/>
                    <a:pt x="0" y="211"/>
                  </a:cubicBezTo>
                  <a:cubicBezTo>
                    <a:pt x="0" y="218"/>
                    <a:pt x="6" y="224"/>
                    <a:pt x="13" y="224"/>
                  </a:cubicBezTo>
                  <a:cubicBezTo>
                    <a:pt x="211" y="224"/>
                    <a:pt x="211" y="224"/>
                    <a:pt x="211" y="224"/>
                  </a:cubicBezTo>
                  <a:cubicBezTo>
                    <a:pt x="215" y="224"/>
                    <a:pt x="218" y="223"/>
                    <a:pt x="221" y="220"/>
                  </a:cubicBezTo>
                  <a:cubicBezTo>
                    <a:pt x="223" y="218"/>
                    <a:pt x="224" y="214"/>
                    <a:pt x="224" y="211"/>
                  </a:cubicBezTo>
                  <a:cubicBezTo>
                    <a:pt x="224" y="95"/>
                    <a:pt x="129" y="0"/>
                    <a:pt x="13" y="0"/>
                  </a:cubicBezTo>
                  <a:close/>
                  <a:moveTo>
                    <a:pt x="27" y="198"/>
                  </a:moveTo>
                  <a:cubicBezTo>
                    <a:pt x="27" y="27"/>
                    <a:pt x="27" y="27"/>
                    <a:pt x="27" y="27"/>
                  </a:cubicBezTo>
                  <a:cubicBezTo>
                    <a:pt x="118" y="33"/>
                    <a:pt x="191" y="106"/>
                    <a:pt x="198" y="198"/>
                  </a:cubicBezTo>
                  <a:lnTo>
                    <a:pt x="27" y="19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grpSp>
        <p:nvGrpSpPr>
          <p:cNvPr id="277" name="Group 276">
            <a:extLst>
              <a:ext uri="{FF2B5EF4-FFF2-40B4-BE49-F238E27FC236}">
                <a16:creationId xmlns:a16="http://schemas.microsoft.com/office/drawing/2014/main" id="{C88A27EF-160C-869D-4C11-380EF8725B26}"/>
              </a:ext>
            </a:extLst>
          </p:cNvPr>
          <p:cNvGrpSpPr/>
          <p:nvPr/>
        </p:nvGrpSpPr>
        <p:grpSpPr>
          <a:xfrm>
            <a:off x="5565675" y="2454738"/>
            <a:ext cx="408953" cy="612551"/>
            <a:chOff x="3279779" y="7319966"/>
            <a:chExt cx="369888" cy="554038"/>
          </a:xfrm>
          <a:solidFill>
            <a:schemeClr val="accent1"/>
          </a:solidFill>
        </p:grpSpPr>
        <p:sp>
          <p:nvSpPr>
            <p:cNvPr id="278" name="Freeform 476">
              <a:extLst>
                <a:ext uri="{FF2B5EF4-FFF2-40B4-BE49-F238E27FC236}">
                  <a16:creationId xmlns:a16="http://schemas.microsoft.com/office/drawing/2014/main" id="{7CC2E2BF-DC08-E57F-759C-3B91D84193C8}"/>
                </a:ext>
              </a:extLst>
            </p:cNvPr>
            <p:cNvSpPr>
              <a:spLocks/>
            </p:cNvSpPr>
            <p:nvPr/>
          </p:nvSpPr>
          <p:spPr bwMode="auto">
            <a:xfrm>
              <a:off x="3403604" y="7521578"/>
              <a:ext cx="184150" cy="30163"/>
            </a:xfrm>
            <a:custGeom>
              <a:avLst/>
              <a:gdLst>
                <a:gd name="T0" fmla="*/ 13 w 159"/>
                <a:gd name="T1" fmla="*/ 0 h 26"/>
                <a:gd name="T2" fmla="*/ 0 w 159"/>
                <a:gd name="T3" fmla="*/ 13 h 26"/>
                <a:gd name="T4" fmla="*/ 13 w 159"/>
                <a:gd name="T5" fmla="*/ 26 h 26"/>
                <a:gd name="T6" fmla="*/ 145 w 159"/>
                <a:gd name="T7" fmla="*/ 26 h 26"/>
                <a:gd name="T8" fmla="*/ 159 w 159"/>
                <a:gd name="T9" fmla="*/ 13 h 26"/>
                <a:gd name="T10" fmla="*/ 145 w 159"/>
                <a:gd name="T11" fmla="*/ 0 h 26"/>
                <a:gd name="T12" fmla="*/ 13 w 159"/>
                <a:gd name="T13" fmla="*/ 0 h 26"/>
              </a:gdLst>
              <a:ahLst/>
              <a:cxnLst>
                <a:cxn ang="0">
                  <a:pos x="T0" y="T1"/>
                </a:cxn>
                <a:cxn ang="0">
                  <a:pos x="T2" y="T3"/>
                </a:cxn>
                <a:cxn ang="0">
                  <a:pos x="T4" y="T5"/>
                </a:cxn>
                <a:cxn ang="0">
                  <a:pos x="T6" y="T7"/>
                </a:cxn>
                <a:cxn ang="0">
                  <a:pos x="T8" y="T9"/>
                </a:cxn>
                <a:cxn ang="0">
                  <a:pos x="T10" y="T11"/>
                </a:cxn>
                <a:cxn ang="0">
                  <a:pos x="T12" y="T13"/>
                </a:cxn>
              </a:cxnLst>
              <a:rect l="0" t="0" r="r" b="b"/>
              <a:pathLst>
                <a:path w="159" h="26">
                  <a:moveTo>
                    <a:pt x="13" y="0"/>
                  </a:moveTo>
                  <a:cubicBezTo>
                    <a:pt x="6" y="0"/>
                    <a:pt x="0" y="6"/>
                    <a:pt x="0" y="13"/>
                  </a:cubicBezTo>
                  <a:cubicBezTo>
                    <a:pt x="0" y="20"/>
                    <a:pt x="6" y="26"/>
                    <a:pt x="13" y="26"/>
                  </a:cubicBezTo>
                  <a:cubicBezTo>
                    <a:pt x="145" y="26"/>
                    <a:pt x="145" y="26"/>
                    <a:pt x="145" y="26"/>
                  </a:cubicBezTo>
                  <a:cubicBezTo>
                    <a:pt x="153" y="26"/>
                    <a:pt x="159" y="20"/>
                    <a:pt x="159" y="13"/>
                  </a:cubicBezTo>
                  <a:cubicBezTo>
                    <a:pt x="159" y="6"/>
                    <a:pt x="153" y="0"/>
                    <a:pt x="145" y="0"/>
                  </a:cubicBezTo>
                  <a:lnTo>
                    <a:pt x="13" y="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79" name="Freeform 477">
              <a:extLst>
                <a:ext uri="{FF2B5EF4-FFF2-40B4-BE49-F238E27FC236}">
                  <a16:creationId xmlns:a16="http://schemas.microsoft.com/office/drawing/2014/main" id="{DEF30839-7301-9872-09EF-E3EE69CB4D15}"/>
                </a:ext>
              </a:extLst>
            </p:cNvPr>
            <p:cNvSpPr>
              <a:spLocks/>
            </p:cNvSpPr>
            <p:nvPr/>
          </p:nvSpPr>
          <p:spPr bwMode="auto">
            <a:xfrm>
              <a:off x="3403604" y="7597778"/>
              <a:ext cx="184150" cy="30163"/>
            </a:xfrm>
            <a:custGeom>
              <a:avLst/>
              <a:gdLst>
                <a:gd name="T0" fmla="*/ 145 w 159"/>
                <a:gd name="T1" fmla="*/ 0 h 26"/>
                <a:gd name="T2" fmla="*/ 13 w 159"/>
                <a:gd name="T3" fmla="*/ 0 h 26"/>
                <a:gd name="T4" fmla="*/ 0 w 159"/>
                <a:gd name="T5" fmla="*/ 13 h 26"/>
                <a:gd name="T6" fmla="*/ 13 w 159"/>
                <a:gd name="T7" fmla="*/ 26 h 26"/>
                <a:gd name="T8" fmla="*/ 145 w 159"/>
                <a:gd name="T9" fmla="*/ 26 h 26"/>
                <a:gd name="T10" fmla="*/ 159 w 159"/>
                <a:gd name="T11" fmla="*/ 13 h 26"/>
                <a:gd name="T12" fmla="*/ 145 w 159"/>
                <a:gd name="T13" fmla="*/ 0 h 26"/>
              </a:gdLst>
              <a:ahLst/>
              <a:cxnLst>
                <a:cxn ang="0">
                  <a:pos x="T0" y="T1"/>
                </a:cxn>
                <a:cxn ang="0">
                  <a:pos x="T2" y="T3"/>
                </a:cxn>
                <a:cxn ang="0">
                  <a:pos x="T4" y="T5"/>
                </a:cxn>
                <a:cxn ang="0">
                  <a:pos x="T6" y="T7"/>
                </a:cxn>
                <a:cxn ang="0">
                  <a:pos x="T8" y="T9"/>
                </a:cxn>
                <a:cxn ang="0">
                  <a:pos x="T10" y="T11"/>
                </a:cxn>
                <a:cxn ang="0">
                  <a:pos x="T12" y="T13"/>
                </a:cxn>
              </a:cxnLst>
              <a:rect l="0" t="0" r="r" b="b"/>
              <a:pathLst>
                <a:path w="159" h="26">
                  <a:moveTo>
                    <a:pt x="145" y="0"/>
                  </a:moveTo>
                  <a:cubicBezTo>
                    <a:pt x="13" y="0"/>
                    <a:pt x="13" y="0"/>
                    <a:pt x="13" y="0"/>
                  </a:cubicBezTo>
                  <a:cubicBezTo>
                    <a:pt x="6" y="0"/>
                    <a:pt x="0" y="6"/>
                    <a:pt x="0" y="13"/>
                  </a:cubicBezTo>
                  <a:cubicBezTo>
                    <a:pt x="0" y="20"/>
                    <a:pt x="6" y="26"/>
                    <a:pt x="13" y="26"/>
                  </a:cubicBezTo>
                  <a:cubicBezTo>
                    <a:pt x="145" y="26"/>
                    <a:pt x="145" y="26"/>
                    <a:pt x="145" y="26"/>
                  </a:cubicBezTo>
                  <a:cubicBezTo>
                    <a:pt x="153" y="26"/>
                    <a:pt x="159" y="20"/>
                    <a:pt x="159" y="13"/>
                  </a:cubicBezTo>
                  <a:cubicBezTo>
                    <a:pt x="159" y="6"/>
                    <a:pt x="153" y="0"/>
                    <a:pt x="145"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80" name="Freeform 478">
              <a:extLst>
                <a:ext uri="{FF2B5EF4-FFF2-40B4-BE49-F238E27FC236}">
                  <a16:creationId xmlns:a16="http://schemas.microsoft.com/office/drawing/2014/main" id="{A66A4CC1-2A69-5062-1427-5C88FEEDA65A}"/>
                </a:ext>
              </a:extLst>
            </p:cNvPr>
            <p:cNvSpPr>
              <a:spLocks/>
            </p:cNvSpPr>
            <p:nvPr/>
          </p:nvSpPr>
          <p:spPr bwMode="auto">
            <a:xfrm>
              <a:off x="3403604" y="7675566"/>
              <a:ext cx="184150" cy="30163"/>
            </a:xfrm>
            <a:custGeom>
              <a:avLst/>
              <a:gdLst>
                <a:gd name="T0" fmla="*/ 145 w 159"/>
                <a:gd name="T1" fmla="*/ 0 h 26"/>
                <a:gd name="T2" fmla="*/ 13 w 159"/>
                <a:gd name="T3" fmla="*/ 0 h 26"/>
                <a:gd name="T4" fmla="*/ 0 w 159"/>
                <a:gd name="T5" fmla="*/ 13 h 26"/>
                <a:gd name="T6" fmla="*/ 13 w 159"/>
                <a:gd name="T7" fmla="*/ 26 h 26"/>
                <a:gd name="T8" fmla="*/ 145 w 159"/>
                <a:gd name="T9" fmla="*/ 26 h 26"/>
                <a:gd name="T10" fmla="*/ 159 w 159"/>
                <a:gd name="T11" fmla="*/ 13 h 26"/>
                <a:gd name="T12" fmla="*/ 145 w 159"/>
                <a:gd name="T13" fmla="*/ 0 h 26"/>
              </a:gdLst>
              <a:ahLst/>
              <a:cxnLst>
                <a:cxn ang="0">
                  <a:pos x="T0" y="T1"/>
                </a:cxn>
                <a:cxn ang="0">
                  <a:pos x="T2" y="T3"/>
                </a:cxn>
                <a:cxn ang="0">
                  <a:pos x="T4" y="T5"/>
                </a:cxn>
                <a:cxn ang="0">
                  <a:pos x="T6" y="T7"/>
                </a:cxn>
                <a:cxn ang="0">
                  <a:pos x="T8" y="T9"/>
                </a:cxn>
                <a:cxn ang="0">
                  <a:pos x="T10" y="T11"/>
                </a:cxn>
                <a:cxn ang="0">
                  <a:pos x="T12" y="T13"/>
                </a:cxn>
              </a:cxnLst>
              <a:rect l="0" t="0" r="r" b="b"/>
              <a:pathLst>
                <a:path w="159" h="26">
                  <a:moveTo>
                    <a:pt x="145" y="0"/>
                  </a:moveTo>
                  <a:cubicBezTo>
                    <a:pt x="13" y="0"/>
                    <a:pt x="13" y="0"/>
                    <a:pt x="13" y="0"/>
                  </a:cubicBezTo>
                  <a:cubicBezTo>
                    <a:pt x="6" y="0"/>
                    <a:pt x="0" y="6"/>
                    <a:pt x="0" y="13"/>
                  </a:cubicBezTo>
                  <a:cubicBezTo>
                    <a:pt x="0" y="20"/>
                    <a:pt x="6" y="26"/>
                    <a:pt x="13" y="26"/>
                  </a:cubicBezTo>
                  <a:cubicBezTo>
                    <a:pt x="145" y="26"/>
                    <a:pt x="145" y="26"/>
                    <a:pt x="145" y="26"/>
                  </a:cubicBezTo>
                  <a:cubicBezTo>
                    <a:pt x="153" y="26"/>
                    <a:pt x="159" y="20"/>
                    <a:pt x="159" y="13"/>
                  </a:cubicBezTo>
                  <a:cubicBezTo>
                    <a:pt x="159" y="6"/>
                    <a:pt x="153" y="0"/>
                    <a:pt x="145"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81" name="Freeform 479">
              <a:extLst>
                <a:ext uri="{FF2B5EF4-FFF2-40B4-BE49-F238E27FC236}">
                  <a16:creationId xmlns:a16="http://schemas.microsoft.com/office/drawing/2014/main" id="{23813472-EDEF-7801-C986-30D8C5B5E11F}"/>
                </a:ext>
              </a:extLst>
            </p:cNvPr>
            <p:cNvSpPr>
              <a:spLocks/>
            </p:cNvSpPr>
            <p:nvPr/>
          </p:nvSpPr>
          <p:spPr bwMode="auto">
            <a:xfrm>
              <a:off x="3341691" y="7673978"/>
              <a:ext cx="30163" cy="31750"/>
            </a:xfrm>
            <a:custGeom>
              <a:avLst/>
              <a:gdLst>
                <a:gd name="T0" fmla="*/ 25 w 26"/>
                <a:gd name="T1" fmla="*/ 9 h 27"/>
                <a:gd name="T2" fmla="*/ 24 w 26"/>
                <a:gd name="T3" fmla="*/ 7 h 27"/>
                <a:gd name="T4" fmla="*/ 22 w 26"/>
                <a:gd name="T5" fmla="*/ 5 h 27"/>
                <a:gd name="T6" fmla="*/ 10 w 26"/>
                <a:gd name="T7" fmla="*/ 1 h 27"/>
                <a:gd name="T8" fmla="*/ 8 w 26"/>
                <a:gd name="T9" fmla="*/ 2 h 27"/>
                <a:gd name="T10" fmla="*/ 5 w 26"/>
                <a:gd name="T11" fmla="*/ 3 h 27"/>
                <a:gd name="T12" fmla="*/ 3 w 26"/>
                <a:gd name="T13" fmla="*/ 5 h 27"/>
                <a:gd name="T14" fmla="*/ 2 w 26"/>
                <a:gd name="T15" fmla="*/ 7 h 27"/>
                <a:gd name="T16" fmla="*/ 1 w 26"/>
                <a:gd name="T17" fmla="*/ 9 h 27"/>
                <a:gd name="T18" fmla="*/ 0 w 26"/>
                <a:gd name="T19" fmla="*/ 11 h 27"/>
                <a:gd name="T20" fmla="*/ 0 w 26"/>
                <a:gd name="T21" fmla="*/ 14 h 27"/>
                <a:gd name="T22" fmla="*/ 3 w 26"/>
                <a:gd name="T23" fmla="*/ 23 h 27"/>
                <a:gd name="T24" fmla="*/ 13 w 26"/>
                <a:gd name="T25" fmla="*/ 27 h 27"/>
                <a:gd name="T26" fmla="*/ 22 w 26"/>
                <a:gd name="T27" fmla="*/ 23 h 27"/>
                <a:gd name="T28" fmla="*/ 26 w 26"/>
                <a:gd name="T29" fmla="*/ 14 h 27"/>
                <a:gd name="T30" fmla="*/ 26 w 26"/>
                <a:gd name="T31" fmla="*/ 11 h 27"/>
                <a:gd name="T32" fmla="*/ 25 w 26"/>
                <a:gd name="T33" fmla="*/ 9 h 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26" h="27">
                  <a:moveTo>
                    <a:pt x="25" y="9"/>
                  </a:moveTo>
                  <a:cubicBezTo>
                    <a:pt x="25" y="8"/>
                    <a:pt x="24" y="7"/>
                    <a:pt x="24" y="7"/>
                  </a:cubicBezTo>
                  <a:cubicBezTo>
                    <a:pt x="23" y="6"/>
                    <a:pt x="23" y="5"/>
                    <a:pt x="22" y="5"/>
                  </a:cubicBezTo>
                  <a:cubicBezTo>
                    <a:pt x="19" y="2"/>
                    <a:pt x="14" y="0"/>
                    <a:pt x="10" y="1"/>
                  </a:cubicBezTo>
                  <a:cubicBezTo>
                    <a:pt x="9" y="1"/>
                    <a:pt x="8" y="1"/>
                    <a:pt x="8" y="2"/>
                  </a:cubicBezTo>
                  <a:cubicBezTo>
                    <a:pt x="7" y="2"/>
                    <a:pt x="6" y="3"/>
                    <a:pt x="5" y="3"/>
                  </a:cubicBezTo>
                  <a:cubicBezTo>
                    <a:pt x="5" y="3"/>
                    <a:pt x="4" y="4"/>
                    <a:pt x="3" y="5"/>
                  </a:cubicBezTo>
                  <a:cubicBezTo>
                    <a:pt x="3" y="5"/>
                    <a:pt x="2" y="6"/>
                    <a:pt x="2" y="7"/>
                  </a:cubicBezTo>
                  <a:cubicBezTo>
                    <a:pt x="1" y="7"/>
                    <a:pt x="1" y="8"/>
                    <a:pt x="1" y="9"/>
                  </a:cubicBezTo>
                  <a:cubicBezTo>
                    <a:pt x="0" y="10"/>
                    <a:pt x="0" y="11"/>
                    <a:pt x="0" y="11"/>
                  </a:cubicBezTo>
                  <a:cubicBezTo>
                    <a:pt x="0" y="12"/>
                    <a:pt x="0" y="13"/>
                    <a:pt x="0" y="14"/>
                  </a:cubicBezTo>
                  <a:cubicBezTo>
                    <a:pt x="0" y="17"/>
                    <a:pt x="1" y="21"/>
                    <a:pt x="3" y="23"/>
                  </a:cubicBezTo>
                  <a:cubicBezTo>
                    <a:pt x="6" y="26"/>
                    <a:pt x="9" y="27"/>
                    <a:pt x="13" y="27"/>
                  </a:cubicBezTo>
                  <a:cubicBezTo>
                    <a:pt x="16" y="27"/>
                    <a:pt x="20" y="26"/>
                    <a:pt x="22" y="23"/>
                  </a:cubicBezTo>
                  <a:cubicBezTo>
                    <a:pt x="25" y="21"/>
                    <a:pt x="26" y="17"/>
                    <a:pt x="26" y="14"/>
                  </a:cubicBezTo>
                  <a:cubicBezTo>
                    <a:pt x="26" y="13"/>
                    <a:pt x="26" y="12"/>
                    <a:pt x="26" y="11"/>
                  </a:cubicBezTo>
                  <a:cubicBezTo>
                    <a:pt x="26" y="11"/>
                    <a:pt x="25" y="10"/>
                    <a:pt x="25" y="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82" name="Freeform 480">
              <a:extLst>
                <a:ext uri="{FF2B5EF4-FFF2-40B4-BE49-F238E27FC236}">
                  <a16:creationId xmlns:a16="http://schemas.microsoft.com/office/drawing/2014/main" id="{5DB4B33D-CEFA-E68A-40BB-4B27865364B0}"/>
                </a:ext>
              </a:extLst>
            </p:cNvPr>
            <p:cNvSpPr>
              <a:spLocks/>
            </p:cNvSpPr>
            <p:nvPr/>
          </p:nvSpPr>
          <p:spPr bwMode="auto">
            <a:xfrm>
              <a:off x="3341691" y="7596191"/>
              <a:ext cx="30163" cy="31750"/>
            </a:xfrm>
            <a:custGeom>
              <a:avLst/>
              <a:gdLst>
                <a:gd name="T0" fmla="*/ 25 w 26"/>
                <a:gd name="T1" fmla="*/ 9 h 27"/>
                <a:gd name="T2" fmla="*/ 24 w 26"/>
                <a:gd name="T3" fmla="*/ 7 h 27"/>
                <a:gd name="T4" fmla="*/ 22 w 26"/>
                <a:gd name="T5" fmla="*/ 5 h 27"/>
                <a:gd name="T6" fmla="*/ 10 w 26"/>
                <a:gd name="T7" fmla="*/ 1 h 27"/>
                <a:gd name="T8" fmla="*/ 8 w 26"/>
                <a:gd name="T9" fmla="*/ 2 h 27"/>
                <a:gd name="T10" fmla="*/ 5 w 26"/>
                <a:gd name="T11" fmla="*/ 3 h 27"/>
                <a:gd name="T12" fmla="*/ 3 w 26"/>
                <a:gd name="T13" fmla="*/ 5 h 27"/>
                <a:gd name="T14" fmla="*/ 2 w 26"/>
                <a:gd name="T15" fmla="*/ 7 h 27"/>
                <a:gd name="T16" fmla="*/ 1 w 26"/>
                <a:gd name="T17" fmla="*/ 9 h 27"/>
                <a:gd name="T18" fmla="*/ 0 w 26"/>
                <a:gd name="T19" fmla="*/ 11 h 27"/>
                <a:gd name="T20" fmla="*/ 0 w 26"/>
                <a:gd name="T21" fmla="*/ 14 h 27"/>
                <a:gd name="T22" fmla="*/ 0 w 26"/>
                <a:gd name="T23" fmla="*/ 17 h 27"/>
                <a:gd name="T24" fmla="*/ 1 w 26"/>
                <a:gd name="T25" fmla="*/ 19 h 27"/>
                <a:gd name="T26" fmla="*/ 2 w 26"/>
                <a:gd name="T27" fmla="*/ 21 h 27"/>
                <a:gd name="T28" fmla="*/ 3 w 26"/>
                <a:gd name="T29" fmla="*/ 23 h 27"/>
                <a:gd name="T30" fmla="*/ 13 w 26"/>
                <a:gd name="T31" fmla="*/ 27 h 27"/>
                <a:gd name="T32" fmla="*/ 22 w 26"/>
                <a:gd name="T33" fmla="*/ 23 h 27"/>
                <a:gd name="T34" fmla="*/ 24 w 26"/>
                <a:gd name="T35" fmla="*/ 21 h 27"/>
                <a:gd name="T36" fmla="*/ 25 w 26"/>
                <a:gd name="T37" fmla="*/ 19 h 27"/>
                <a:gd name="T38" fmla="*/ 26 w 26"/>
                <a:gd name="T39" fmla="*/ 17 h 27"/>
                <a:gd name="T40" fmla="*/ 26 w 26"/>
                <a:gd name="T41" fmla="*/ 14 h 27"/>
                <a:gd name="T42" fmla="*/ 26 w 26"/>
                <a:gd name="T43" fmla="*/ 11 h 27"/>
                <a:gd name="T44" fmla="*/ 25 w 26"/>
                <a:gd name="T45" fmla="*/ 9 h 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26" h="27">
                  <a:moveTo>
                    <a:pt x="25" y="9"/>
                  </a:moveTo>
                  <a:cubicBezTo>
                    <a:pt x="25" y="8"/>
                    <a:pt x="24" y="7"/>
                    <a:pt x="24" y="7"/>
                  </a:cubicBezTo>
                  <a:cubicBezTo>
                    <a:pt x="23" y="6"/>
                    <a:pt x="23" y="5"/>
                    <a:pt x="22" y="5"/>
                  </a:cubicBezTo>
                  <a:cubicBezTo>
                    <a:pt x="19" y="2"/>
                    <a:pt x="14" y="0"/>
                    <a:pt x="10" y="1"/>
                  </a:cubicBezTo>
                  <a:cubicBezTo>
                    <a:pt x="9" y="1"/>
                    <a:pt x="8" y="1"/>
                    <a:pt x="8" y="2"/>
                  </a:cubicBezTo>
                  <a:cubicBezTo>
                    <a:pt x="7" y="2"/>
                    <a:pt x="6" y="3"/>
                    <a:pt x="5" y="3"/>
                  </a:cubicBezTo>
                  <a:cubicBezTo>
                    <a:pt x="5" y="4"/>
                    <a:pt x="4" y="4"/>
                    <a:pt x="3" y="5"/>
                  </a:cubicBezTo>
                  <a:cubicBezTo>
                    <a:pt x="3" y="5"/>
                    <a:pt x="2" y="6"/>
                    <a:pt x="2" y="7"/>
                  </a:cubicBezTo>
                  <a:cubicBezTo>
                    <a:pt x="1" y="7"/>
                    <a:pt x="1" y="8"/>
                    <a:pt x="1" y="9"/>
                  </a:cubicBezTo>
                  <a:cubicBezTo>
                    <a:pt x="0" y="10"/>
                    <a:pt x="0" y="11"/>
                    <a:pt x="0" y="11"/>
                  </a:cubicBezTo>
                  <a:cubicBezTo>
                    <a:pt x="0" y="12"/>
                    <a:pt x="0" y="13"/>
                    <a:pt x="0" y="14"/>
                  </a:cubicBezTo>
                  <a:cubicBezTo>
                    <a:pt x="0" y="15"/>
                    <a:pt x="0" y="16"/>
                    <a:pt x="0" y="17"/>
                  </a:cubicBezTo>
                  <a:cubicBezTo>
                    <a:pt x="0" y="17"/>
                    <a:pt x="0" y="18"/>
                    <a:pt x="1" y="19"/>
                  </a:cubicBezTo>
                  <a:cubicBezTo>
                    <a:pt x="1" y="20"/>
                    <a:pt x="1" y="21"/>
                    <a:pt x="2" y="21"/>
                  </a:cubicBezTo>
                  <a:cubicBezTo>
                    <a:pt x="2" y="22"/>
                    <a:pt x="3" y="23"/>
                    <a:pt x="3" y="23"/>
                  </a:cubicBezTo>
                  <a:cubicBezTo>
                    <a:pt x="6" y="26"/>
                    <a:pt x="9" y="27"/>
                    <a:pt x="13" y="27"/>
                  </a:cubicBezTo>
                  <a:cubicBezTo>
                    <a:pt x="16" y="27"/>
                    <a:pt x="20" y="26"/>
                    <a:pt x="22" y="23"/>
                  </a:cubicBezTo>
                  <a:cubicBezTo>
                    <a:pt x="23" y="23"/>
                    <a:pt x="23" y="22"/>
                    <a:pt x="24" y="21"/>
                  </a:cubicBezTo>
                  <a:cubicBezTo>
                    <a:pt x="24" y="21"/>
                    <a:pt x="25" y="20"/>
                    <a:pt x="25" y="19"/>
                  </a:cubicBezTo>
                  <a:cubicBezTo>
                    <a:pt x="25" y="18"/>
                    <a:pt x="26" y="17"/>
                    <a:pt x="26" y="17"/>
                  </a:cubicBezTo>
                  <a:cubicBezTo>
                    <a:pt x="26" y="16"/>
                    <a:pt x="26" y="15"/>
                    <a:pt x="26" y="14"/>
                  </a:cubicBezTo>
                  <a:cubicBezTo>
                    <a:pt x="26" y="13"/>
                    <a:pt x="26" y="12"/>
                    <a:pt x="26" y="11"/>
                  </a:cubicBezTo>
                  <a:cubicBezTo>
                    <a:pt x="26" y="11"/>
                    <a:pt x="25" y="10"/>
                    <a:pt x="25" y="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83" name="Freeform 481">
              <a:extLst>
                <a:ext uri="{FF2B5EF4-FFF2-40B4-BE49-F238E27FC236}">
                  <a16:creationId xmlns:a16="http://schemas.microsoft.com/office/drawing/2014/main" id="{A282436F-BC6A-6551-530A-03828130D1A5}"/>
                </a:ext>
              </a:extLst>
            </p:cNvPr>
            <p:cNvSpPr>
              <a:spLocks/>
            </p:cNvSpPr>
            <p:nvPr/>
          </p:nvSpPr>
          <p:spPr bwMode="auto">
            <a:xfrm>
              <a:off x="3341691" y="7519991"/>
              <a:ext cx="30163" cy="31750"/>
            </a:xfrm>
            <a:custGeom>
              <a:avLst/>
              <a:gdLst>
                <a:gd name="T0" fmla="*/ 25 w 26"/>
                <a:gd name="T1" fmla="*/ 9 h 27"/>
                <a:gd name="T2" fmla="*/ 24 w 26"/>
                <a:gd name="T3" fmla="*/ 7 h 27"/>
                <a:gd name="T4" fmla="*/ 22 w 26"/>
                <a:gd name="T5" fmla="*/ 5 h 27"/>
                <a:gd name="T6" fmla="*/ 3 w 26"/>
                <a:gd name="T7" fmla="*/ 5 h 27"/>
                <a:gd name="T8" fmla="*/ 2 w 26"/>
                <a:gd name="T9" fmla="*/ 7 h 27"/>
                <a:gd name="T10" fmla="*/ 1 w 26"/>
                <a:gd name="T11" fmla="*/ 9 h 27"/>
                <a:gd name="T12" fmla="*/ 0 w 26"/>
                <a:gd name="T13" fmla="*/ 11 h 27"/>
                <a:gd name="T14" fmla="*/ 0 w 26"/>
                <a:gd name="T15" fmla="*/ 14 h 27"/>
                <a:gd name="T16" fmla="*/ 3 w 26"/>
                <a:gd name="T17" fmla="*/ 23 h 27"/>
                <a:gd name="T18" fmla="*/ 13 w 26"/>
                <a:gd name="T19" fmla="*/ 27 h 27"/>
                <a:gd name="T20" fmla="*/ 15 w 26"/>
                <a:gd name="T21" fmla="*/ 27 h 27"/>
                <a:gd name="T22" fmla="*/ 18 w 26"/>
                <a:gd name="T23" fmla="*/ 26 h 27"/>
                <a:gd name="T24" fmla="*/ 20 w 26"/>
                <a:gd name="T25" fmla="*/ 25 h 27"/>
                <a:gd name="T26" fmla="*/ 22 w 26"/>
                <a:gd name="T27" fmla="*/ 23 h 27"/>
                <a:gd name="T28" fmla="*/ 26 w 26"/>
                <a:gd name="T29" fmla="*/ 14 h 27"/>
                <a:gd name="T30" fmla="*/ 26 w 26"/>
                <a:gd name="T31" fmla="*/ 11 h 27"/>
                <a:gd name="T32" fmla="*/ 25 w 26"/>
                <a:gd name="T33" fmla="*/ 9 h 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26" h="27">
                  <a:moveTo>
                    <a:pt x="25" y="9"/>
                  </a:moveTo>
                  <a:cubicBezTo>
                    <a:pt x="25" y="8"/>
                    <a:pt x="24" y="7"/>
                    <a:pt x="24" y="7"/>
                  </a:cubicBezTo>
                  <a:cubicBezTo>
                    <a:pt x="23" y="6"/>
                    <a:pt x="23" y="5"/>
                    <a:pt x="22" y="5"/>
                  </a:cubicBezTo>
                  <a:cubicBezTo>
                    <a:pt x="17" y="0"/>
                    <a:pt x="8" y="0"/>
                    <a:pt x="3" y="5"/>
                  </a:cubicBezTo>
                  <a:cubicBezTo>
                    <a:pt x="3" y="5"/>
                    <a:pt x="2" y="6"/>
                    <a:pt x="2" y="7"/>
                  </a:cubicBezTo>
                  <a:cubicBezTo>
                    <a:pt x="1" y="7"/>
                    <a:pt x="1" y="8"/>
                    <a:pt x="1" y="9"/>
                  </a:cubicBezTo>
                  <a:cubicBezTo>
                    <a:pt x="0" y="10"/>
                    <a:pt x="0" y="11"/>
                    <a:pt x="0" y="11"/>
                  </a:cubicBezTo>
                  <a:cubicBezTo>
                    <a:pt x="0" y="12"/>
                    <a:pt x="0" y="13"/>
                    <a:pt x="0" y="14"/>
                  </a:cubicBezTo>
                  <a:cubicBezTo>
                    <a:pt x="0" y="18"/>
                    <a:pt x="1" y="21"/>
                    <a:pt x="3" y="23"/>
                  </a:cubicBezTo>
                  <a:cubicBezTo>
                    <a:pt x="6" y="26"/>
                    <a:pt x="9" y="27"/>
                    <a:pt x="13" y="27"/>
                  </a:cubicBezTo>
                  <a:cubicBezTo>
                    <a:pt x="14" y="27"/>
                    <a:pt x="14" y="27"/>
                    <a:pt x="15" y="27"/>
                  </a:cubicBezTo>
                  <a:cubicBezTo>
                    <a:pt x="16" y="27"/>
                    <a:pt x="17" y="27"/>
                    <a:pt x="18" y="26"/>
                  </a:cubicBezTo>
                  <a:cubicBezTo>
                    <a:pt x="19" y="26"/>
                    <a:pt x="19" y="26"/>
                    <a:pt x="20" y="25"/>
                  </a:cubicBezTo>
                  <a:cubicBezTo>
                    <a:pt x="21" y="25"/>
                    <a:pt x="21" y="24"/>
                    <a:pt x="22" y="23"/>
                  </a:cubicBezTo>
                  <a:cubicBezTo>
                    <a:pt x="25" y="21"/>
                    <a:pt x="26" y="18"/>
                    <a:pt x="26" y="14"/>
                  </a:cubicBezTo>
                  <a:cubicBezTo>
                    <a:pt x="26" y="13"/>
                    <a:pt x="26" y="12"/>
                    <a:pt x="26" y="11"/>
                  </a:cubicBezTo>
                  <a:cubicBezTo>
                    <a:pt x="26" y="11"/>
                    <a:pt x="25" y="10"/>
                    <a:pt x="25" y="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84" name="Freeform 482">
              <a:extLst>
                <a:ext uri="{FF2B5EF4-FFF2-40B4-BE49-F238E27FC236}">
                  <a16:creationId xmlns:a16="http://schemas.microsoft.com/office/drawing/2014/main" id="{442D7BF9-50FE-6AA4-D652-FFF87CEF613F}"/>
                </a:ext>
              </a:extLst>
            </p:cNvPr>
            <p:cNvSpPr>
              <a:spLocks noEditPoints="1"/>
            </p:cNvSpPr>
            <p:nvPr/>
          </p:nvSpPr>
          <p:spPr bwMode="auto">
            <a:xfrm>
              <a:off x="3279779" y="7319966"/>
              <a:ext cx="369888" cy="554038"/>
            </a:xfrm>
            <a:custGeom>
              <a:avLst/>
              <a:gdLst>
                <a:gd name="T0" fmla="*/ 290 w 316"/>
                <a:gd name="T1" fmla="*/ 27 h 475"/>
                <a:gd name="T2" fmla="*/ 237 w 316"/>
                <a:gd name="T3" fmla="*/ 27 h 475"/>
                <a:gd name="T4" fmla="*/ 237 w 316"/>
                <a:gd name="T5" fmla="*/ 26 h 475"/>
                <a:gd name="T6" fmla="*/ 211 w 316"/>
                <a:gd name="T7" fmla="*/ 0 h 475"/>
                <a:gd name="T8" fmla="*/ 105 w 316"/>
                <a:gd name="T9" fmla="*/ 0 h 475"/>
                <a:gd name="T10" fmla="*/ 79 w 316"/>
                <a:gd name="T11" fmla="*/ 26 h 475"/>
                <a:gd name="T12" fmla="*/ 79 w 316"/>
                <a:gd name="T13" fmla="*/ 27 h 475"/>
                <a:gd name="T14" fmla="*/ 26 w 316"/>
                <a:gd name="T15" fmla="*/ 27 h 475"/>
                <a:gd name="T16" fmla="*/ 0 w 316"/>
                <a:gd name="T17" fmla="*/ 53 h 475"/>
                <a:gd name="T18" fmla="*/ 0 w 316"/>
                <a:gd name="T19" fmla="*/ 449 h 475"/>
                <a:gd name="T20" fmla="*/ 26 w 316"/>
                <a:gd name="T21" fmla="*/ 475 h 475"/>
                <a:gd name="T22" fmla="*/ 290 w 316"/>
                <a:gd name="T23" fmla="*/ 475 h 475"/>
                <a:gd name="T24" fmla="*/ 316 w 316"/>
                <a:gd name="T25" fmla="*/ 449 h 475"/>
                <a:gd name="T26" fmla="*/ 316 w 316"/>
                <a:gd name="T27" fmla="*/ 53 h 475"/>
                <a:gd name="T28" fmla="*/ 290 w 316"/>
                <a:gd name="T29" fmla="*/ 27 h 475"/>
                <a:gd name="T30" fmla="*/ 211 w 316"/>
                <a:gd name="T31" fmla="*/ 26 h 475"/>
                <a:gd name="T32" fmla="*/ 211 w 316"/>
                <a:gd name="T33" fmla="*/ 79 h 475"/>
                <a:gd name="T34" fmla="*/ 105 w 316"/>
                <a:gd name="T35" fmla="*/ 79 h 475"/>
                <a:gd name="T36" fmla="*/ 105 w 316"/>
                <a:gd name="T37" fmla="*/ 43 h 475"/>
                <a:gd name="T38" fmla="*/ 105 w 316"/>
                <a:gd name="T39" fmla="*/ 40 h 475"/>
                <a:gd name="T40" fmla="*/ 105 w 316"/>
                <a:gd name="T41" fmla="*/ 37 h 475"/>
                <a:gd name="T42" fmla="*/ 105 w 316"/>
                <a:gd name="T43" fmla="*/ 27 h 475"/>
                <a:gd name="T44" fmla="*/ 211 w 316"/>
                <a:gd name="T45" fmla="*/ 26 h 475"/>
                <a:gd name="T46" fmla="*/ 290 w 316"/>
                <a:gd name="T47" fmla="*/ 449 h 475"/>
                <a:gd name="T48" fmla="*/ 26 w 316"/>
                <a:gd name="T49" fmla="*/ 449 h 475"/>
                <a:gd name="T50" fmla="*/ 26 w 316"/>
                <a:gd name="T51" fmla="*/ 53 h 475"/>
                <a:gd name="T52" fmla="*/ 79 w 316"/>
                <a:gd name="T53" fmla="*/ 53 h 475"/>
                <a:gd name="T54" fmla="*/ 79 w 316"/>
                <a:gd name="T55" fmla="*/ 93 h 475"/>
                <a:gd name="T56" fmla="*/ 92 w 316"/>
                <a:gd name="T57" fmla="*/ 106 h 475"/>
                <a:gd name="T58" fmla="*/ 224 w 316"/>
                <a:gd name="T59" fmla="*/ 106 h 475"/>
                <a:gd name="T60" fmla="*/ 237 w 316"/>
                <a:gd name="T61" fmla="*/ 93 h 475"/>
                <a:gd name="T62" fmla="*/ 237 w 316"/>
                <a:gd name="T63" fmla="*/ 53 h 475"/>
                <a:gd name="T64" fmla="*/ 290 w 316"/>
                <a:gd name="T65" fmla="*/ 53 h 475"/>
                <a:gd name="T66" fmla="*/ 290 w 316"/>
                <a:gd name="T67" fmla="*/ 449 h 4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316" h="475">
                  <a:moveTo>
                    <a:pt x="290" y="27"/>
                  </a:moveTo>
                  <a:cubicBezTo>
                    <a:pt x="237" y="27"/>
                    <a:pt x="237" y="27"/>
                    <a:pt x="237" y="27"/>
                  </a:cubicBezTo>
                  <a:cubicBezTo>
                    <a:pt x="237" y="26"/>
                    <a:pt x="237" y="26"/>
                    <a:pt x="237" y="26"/>
                  </a:cubicBezTo>
                  <a:cubicBezTo>
                    <a:pt x="237" y="12"/>
                    <a:pt x="226" y="0"/>
                    <a:pt x="211" y="0"/>
                  </a:cubicBezTo>
                  <a:cubicBezTo>
                    <a:pt x="105" y="0"/>
                    <a:pt x="105" y="0"/>
                    <a:pt x="105" y="0"/>
                  </a:cubicBezTo>
                  <a:cubicBezTo>
                    <a:pt x="91" y="0"/>
                    <a:pt x="79" y="12"/>
                    <a:pt x="79" y="26"/>
                  </a:cubicBezTo>
                  <a:cubicBezTo>
                    <a:pt x="79" y="27"/>
                    <a:pt x="79" y="27"/>
                    <a:pt x="79" y="27"/>
                  </a:cubicBezTo>
                  <a:cubicBezTo>
                    <a:pt x="26" y="27"/>
                    <a:pt x="26" y="27"/>
                    <a:pt x="26" y="27"/>
                  </a:cubicBezTo>
                  <a:cubicBezTo>
                    <a:pt x="12" y="27"/>
                    <a:pt x="0" y="39"/>
                    <a:pt x="0" y="53"/>
                  </a:cubicBezTo>
                  <a:cubicBezTo>
                    <a:pt x="0" y="449"/>
                    <a:pt x="0" y="449"/>
                    <a:pt x="0" y="449"/>
                  </a:cubicBezTo>
                  <a:cubicBezTo>
                    <a:pt x="0" y="463"/>
                    <a:pt x="12" y="475"/>
                    <a:pt x="26" y="475"/>
                  </a:cubicBezTo>
                  <a:cubicBezTo>
                    <a:pt x="290" y="475"/>
                    <a:pt x="290" y="475"/>
                    <a:pt x="290" y="475"/>
                  </a:cubicBezTo>
                  <a:cubicBezTo>
                    <a:pt x="305" y="475"/>
                    <a:pt x="316" y="463"/>
                    <a:pt x="316" y="449"/>
                  </a:cubicBezTo>
                  <a:cubicBezTo>
                    <a:pt x="316" y="53"/>
                    <a:pt x="316" y="53"/>
                    <a:pt x="316" y="53"/>
                  </a:cubicBezTo>
                  <a:cubicBezTo>
                    <a:pt x="316" y="39"/>
                    <a:pt x="305" y="27"/>
                    <a:pt x="290" y="27"/>
                  </a:cubicBezTo>
                  <a:close/>
                  <a:moveTo>
                    <a:pt x="211" y="26"/>
                  </a:moveTo>
                  <a:cubicBezTo>
                    <a:pt x="211" y="79"/>
                    <a:pt x="211" y="79"/>
                    <a:pt x="211" y="79"/>
                  </a:cubicBezTo>
                  <a:cubicBezTo>
                    <a:pt x="105" y="79"/>
                    <a:pt x="105" y="79"/>
                    <a:pt x="105" y="79"/>
                  </a:cubicBezTo>
                  <a:cubicBezTo>
                    <a:pt x="105" y="43"/>
                    <a:pt x="105" y="43"/>
                    <a:pt x="105" y="43"/>
                  </a:cubicBezTo>
                  <a:cubicBezTo>
                    <a:pt x="105" y="42"/>
                    <a:pt x="105" y="41"/>
                    <a:pt x="105" y="40"/>
                  </a:cubicBezTo>
                  <a:cubicBezTo>
                    <a:pt x="105" y="39"/>
                    <a:pt x="105" y="38"/>
                    <a:pt x="105" y="37"/>
                  </a:cubicBezTo>
                  <a:cubicBezTo>
                    <a:pt x="105" y="27"/>
                    <a:pt x="105" y="27"/>
                    <a:pt x="105" y="27"/>
                  </a:cubicBezTo>
                  <a:lnTo>
                    <a:pt x="211" y="26"/>
                  </a:lnTo>
                  <a:close/>
                  <a:moveTo>
                    <a:pt x="290" y="449"/>
                  </a:moveTo>
                  <a:cubicBezTo>
                    <a:pt x="26" y="449"/>
                    <a:pt x="26" y="449"/>
                    <a:pt x="26" y="449"/>
                  </a:cubicBezTo>
                  <a:cubicBezTo>
                    <a:pt x="26" y="53"/>
                    <a:pt x="26" y="53"/>
                    <a:pt x="26" y="53"/>
                  </a:cubicBezTo>
                  <a:cubicBezTo>
                    <a:pt x="79" y="53"/>
                    <a:pt x="79" y="53"/>
                    <a:pt x="79" y="53"/>
                  </a:cubicBezTo>
                  <a:cubicBezTo>
                    <a:pt x="79" y="93"/>
                    <a:pt x="79" y="93"/>
                    <a:pt x="79" y="93"/>
                  </a:cubicBezTo>
                  <a:cubicBezTo>
                    <a:pt x="79" y="100"/>
                    <a:pt x="85" y="106"/>
                    <a:pt x="92" y="106"/>
                  </a:cubicBezTo>
                  <a:cubicBezTo>
                    <a:pt x="224" y="106"/>
                    <a:pt x="224" y="106"/>
                    <a:pt x="224" y="106"/>
                  </a:cubicBezTo>
                  <a:cubicBezTo>
                    <a:pt x="231" y="106"/>
                    <a:pt x="237" y="100"/>
                    <a:pt x="237" y="93"/>
                  </a:cubicBezTo>
                  <a:cubicBezTo>
                    <a:pt x="237" y="53"/>
                    <a:pt x="237" y="53"/>
                    <a:pt x="237" y="53"/>
                  </a:cubicBezTo>
                  <a:cubicBezTo>
                    <a:pt x="290" y="53"/>
                    <a:pt x="290" y="53"/>
                    <a:pt x="290" y="53"/>
                  </a:cubicBezTo>
                  <a:lnTo>
                    <a:pt x="290" y="44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286" name="Freeform 272">
            <a:extLst>
              <a:ext uri="{FF2B5EF4-FFF2-40B4-BE49-F238E27FC236}">
                <a16:creationId xmlns:a16="http://schemas.microsoft.com/office/drawing/2014/main" id="{88BD97D8-73A1-8FA6-F492-A3B654F45365}"/>
              </a:ext>
            </a:extLst>
          </p:cNvPr>
          <p:cNvSpPr>
            <a:spLocks/>
          </p:cNvSpPr>
          <p:nvPr/>
        </p:nvSpPr>
        <p:spPr bwMode="auto">
          <a:xfrm>
            <a:off x="1880853" y="4878435"/>
            <a:ext cx="654002" cy="509709"/>
          </a:xfrm>
          <a:custGeom>
            <a:avLst/>
            <a:gdLst>
              <a:gd name="T0" fmla="*/ 462 w 475"/>
              <a:gd name="T1" fmla="*/ 238 h 370"/>
              <a:gd name="T2" fmla="*/ 356 w 475"/>
              <a:gd name="T3" fmla="*/ 238 h 370"/>
              <a:gd name="T4" fmla="*/ 344 w 475"/>
              <a:gd name="T5" fmla="*/ 247 h 370"/>
              <a:gd name="T6" fmla="*/ 318 w 475"/>
              <a:gd name="T7" fmla="*/ 316 h 370"/>
              <a:gd name="T8" fmla="*/ 224 w 475"/>
              <a:gd name="T9" fmla="*/ 10 h 370"/>
              <a:gd name="T10" fmla="*/ 212 w 475"/>
              <a:gd name="T11" fmla="*/ 0 h 370"/>
              <a:gd name="T12" fmla="*/ 199 w 475"/>
              <a:gd name="T13" fmla="*/ 9 h 370"/>
              <a:gd name="T14" fmla="*/ 110 w 475"/>
              <a:gd name="T15" fmla="*/ 238 h 370"/>
              <a:gd name="T16" fmla="*/ 13 w 475"/>
              <a:gd name="T17" fmla="*/ 238 h 370"/>
              <a:gd name="T18" fmla="*/ 0 w 475"/>
              <a:gd name="T19" fmla="*/ 251 h 370"/>
              <a:gd name="T20" fmla="*/ 13 w 475"/>
              <a:gd name="T21" fmla="*/ 265 h 370"/>
              <a:gd name="T22" fmla="*/ 119 w 475"/>
              <a:gd name="T23" fmla="*/ 265 h 370"/>
              <a:gd name="T24" fmla="*/ 131 w 475"/>
              <a:gd name="T25" fmla="*/ 256 h 370"/>
              <a:gd name="T26" fmla="*/ 210 w 475"/>
              <a:gd name="T27" fmla="*/ 54 h 370"/>
              <a:gd name="T28" fmla="*/ 304 w 475"/>
              <a:gd name="T29" fmla="*/ 360 h 370"/>
              <a:gd name="T30" fmla="*/ 316 w 475"/>
              <a:gd name="T31" fmla="*/ 370 h 370"/>
              <a:gd name="T32" fmla="*/ 317 w 475"/>
              <a:gd name="T33" fmla="*/ 370 h 370"/>
              <a:gd name="T34" fmla="*/ 329 w 475"/>
              <a:gd name="T35" fmla="*/ 361 h 370"/>
              <a:gd name="T36" fmla="*/ 365 w 475"/>
              <a:gd name="T37" fmla="*/ 265 h 370"/>
              <a:gd name="T38" fmla="*/ 462 w 475"/>
              <a:gd name="T39" fmla="*/ 265 h 370"/>
              <a:gd name="T40" fmla="*/ 475 w 475"/>
              <a:gd name="T41" fmla="*/ 251 h 370"/>
              <a:gd name="T42" fmla="*/ 462 w 475"/>
              <a:gd name="T43" fmla="*/ 238 h 3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475" h="370">
                <a:moveTo>
                  <a:pt x="462" y="238"/>
                </a:moveTo>
                <a:cubicBezTo>
                  <a:pt x="356" y="238"/>
                  <a:pt x="356" y="238"/>
                  <a:pt x="356" y="238"/>
                </a:cubicBezTo>
                <a:cubicBezTo>
                  <a:pt x="351" y="238"/>
                  <a:pt x="346" y="242"/>
                  <a:pt x="344" y="247"/>
                </a:cubicBezTo>
                <a:cubicBezTo>
                  <a:pt x="318" y="316"/>
                  <a:pt x="318" y="316"/>
                  <a:pt x="318" y="316"/>
                </a:cubicBezTo>
                <a:cubicBezTo>
                  <a:pt x="224" y="10"/>
                  <a:pt x="224" y="10"/>
                  <a:pt x="224" y="10"/>
                </a:cubicBezTo>
                <a:cubicBezTo>
                  <a:pt x="222" y="4"/>
                  <a:pt x="217" y="0"/>
                  <a:pt x="212" y="0"/>
                </a:cubicBezTo>
                <a:cubicBezTo>
                  <a:pt x="206" y="0"/>
                  <a:pt x="201" y="3"/>
                  <a:pt x="199" y="9"/>
                </a:cubicBezTo>
                <a:cubicBezTo>
                  <a:pt x="110" y="238"/>
                  <a:pt x="110" y="238"/>
                  <a:pt x="110" y="238"/>
                </a:cubicBezTo>
                <a:cubicBezTo>
                  <a:pt x="13" y="238"/>
                  <a:pt x="13" y="238"/>
                  <a:pt x="13" y="238"/>
                </a:cubicBezTo>
                <a:cubicBezTo>
                  <a:pt x="6" y="238"/>
                  <a:pt x="0" y="244"/>
                  <a:pt x="0" y="251"/>
                </a:cubicBezTo>
                <a:cubicBezTo>
                  <a:pt x="0" y="259"/>
                  <a:pt x="6" y="265"/>
                  <a:pt x="13" y="265"/>
                </a:cubicBezTo>
                <a:cubicBezTo>
                  <a:pt x="119" y="265"/>
                  <a:pt x="119" y="265"/>
                  <a:pt x="119" y="265"/>
                </a:cubicBezTo>
                <a:cubicBezTo>
                  <a:pt x="124" y="265"/>
                  <a:pt x="129" y="261"/>
                  <a:pt x="131" y="256"/>
                </a:cubicBezTo>
                <a:cubicBezTo>
                  <a:pt x="210" y="54"/>
                  <a:pt x="210" y="54"/>
                  <a:pt x="210" y="54"/>
                </a:cubicBezTo>
                <a:cubicBezTo>
                  <a:pt x="304" y="360"/>
                  <a:pt x="304" y="360"/>
                  <a:pt x="304" y="360"/>
                </a:cubicBezTo>
                <a:cubicBezTo>
                  <a:pt x="306" y="366"/>
                  <a:pt x="311" y="370"/>
                  <a:pt x="316" y="370"/>
                </a:cubicBezTo>
                <a:cubicBezTo>
                  <a:pt x="317" y="370"/>
                  <a:pt x="317" y="370"/>
                  <a:pt x="317" y="370"/>
                </a:cubicBezTo>
                <a:cubicBezTo>
                  <a:pt x="322" y="370"/>
                  <a:pt x="327" y="366"/>
                  <a:pt x="329" y="361"/>
                </a:cubicBezTo>
                <a:cubicBezTo>
                  <a:pt x="365" y="265"/>
                  <a:pt x="365" y="265"/>
                  <a:pt x="365" y="265"/>
                </a:cubicBezTo>
                <a:cubicBezTo>
                  <a:pt x="462" y="265"/>
                  <a:pt x="462" y="265"/>
                  <a:pt x="462" y="265"/>
                </a:cubicBezTo>
                <a:cubicBezTo>
                  <a:pt x="469" y="265"/>
                  <a:pt x="475" y="259"/>
                  <a:pt x="475" y="251"/>
                </a:cubicBezTo>
                <a:cubicBezTo>
                  <a:pt x="475" y="244"/>
                  <a:pt x="469" y="238"/>
                  <a:pt x="462" y="238"/>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287" name="Freeform 184">
            <a:extLst>
              <a:ext uri="{FF2B5EF4-FFF2-40B4-BE49-F238E27FC236}">
                <a16:creationId xmlns:a16="http://schemas.microsoft.com/office/drawing/2014/main" id="{36C8F4C2-422C-DB72-C280-370B7AC4C06D}"/>
              </a:ext>
            </a:extLst>
          </p:cNvPr>
          <p:cNvSpPr>
            <a:spLocks noEditPoints="1"/>
          </p:cNvSpPr>
          <p:nvPr/>
        </p:nvSpPr>
        <p:spPr bwMode="auto">
          <a:xfrm>
            <a:off x="394435" y="5344730"/>
            <a:ext cx="357920" cy="357920"/>
          </a:xfrm>
          <a:custGeom>
            <a:avLst/>
            <a:gdLst>
              <a:gd name="T0" fmla="*/ 462 w 475"/>
              <a:gd name="T1" fmla="*/ 448 h 475"/>
              <a:gd name="T2" fmla="*/ 422 w 475"/>
              <a:gd name="T3" fmla="*/ 448 h 475"/>
              <a:gd name="T4" fmla="*/ 422 w 475"/>
              <a:gd name="T5" fmla="*/ 145 h 475"/>
              <a:gd name="T6" fmla="*/ 409 w 475"/>
              <a:gd name="T7" fmla="*/ 132 h 475"/>
              <a:gd name="T8" fmla="*/ 304 w 475"/>
              <a:gd name="T9" fmla="*/ 132 h 475"/>
              <a:gd name="T10" fmla="*/ 290 w 475"/>
              <a:gd name="T11" fmla="*/ 145 h 475"/>
              <a:gd name="T12" fmla="*/ 290 w 475"/>
              <a:gd name="T13" fmla="*/ 237 h 475"/>
              <a:gd name="T14" fmla="*/ 198 w 475"/>
              <a:gd name="T15" fmla="*/ 237 h 475"/>
              <a:gd name="T16" fmla="*/ 185 w 475"/>
              <a:gd name="T17" fmla="*/ 251 h 475"/>
              <a:gd name="T18" fmla="*/ 185 w 475"/>
              <a:gd name="T19" fmla="*/ 343 h 475"/>
              <a:gd name="T20" fmla="*/ 92 w 475"/>
              <a:gd name="T21" fmla="*/ 343 h 475"/>
              <a:gd name="T22" fmla="*/ 79 w 475"/>
              <a:gd name="T23" fmla="*/ 356 h 475"/>
              <a:gd name="T24" fmla="*/ 79 w 475"/>
              <a:gd name="T25" fmla="*/ 448 h 475"/>
              <a:gd name="T26" fmla="*/ 26 w 475"/>
              <a:gd name="T27" fmla="*/ 448 h 475"/>
              <a:gd name="T28" fmla="*/ 26 w 475"/>
              <a:gd name="T29" fmla="*/ 13 h 475"/>
              <a:gd name="T30" fmla="*/ 13 w 475"/>
              <a:gd name="T31" fmla="*/ 0 h 475"/>
              <a:gd name="T32" fmla="*/ 0 w 475"/>
              <a:gd name="T33" fmla="*/ 13 h 475"/>
              <a:gd name="T34" fmla="*/ 0 w 475"/>
              <a:gd name="T35" fmla="*/ 462 h 475"/>
              <a:gd name="T36" fmla="*/ 13 w 475"/>
              <a:gd name="T37" fmla="*/ 475 h 475"/>
              <a:gd name="T38" fmla="*/ 92 w 475"/>
              <a:gd name="T39" fmla="*/ 475 h 475"/>
              <a:gd name="T40" fmla="*/ 198 w 475"/>
              <a:gd name="T41" fmla="*/ 475 h 475"/>
              <a:gd name="T42" fmla="*/ 304 w 475"/>
              <a:gd name="T43" fmla="*/ 475 h 475"/>
              <a:gd name="T44" fmla="*/ 409 w 475"/>
              <a:gd name="T45" fmla="*/ 475 h 475"/>
              <a:gd name="T46" fmla="*/ 462 w 475"/>
              <a:gd name="T47" fmla="*/ 475 h 475"/>
              <a:gd name="T48" fmla="*/ 475 w 475"/>
              <a:gd name="T49" fmla="*/ 462 h 475"/>
              <a:gd name="T50" fmla="*/ 462 w 475"/>
              <a:gd name="T51" fmla="*/ 448 h 475"/>
              <a:gd name="T52" fmla="*/ 106 w 475"/>
              <a:gd name="T53" fmla="*/ 369 h 475"/>
              <a:gd name="T54" fmla="*/ 185 w 475"/>
              <a:gd name="T55" fmla="*/ 369 h 475"/>
              <a:gd name="T56" fmla="*/ 185 w 475"/>
              <a:gd name="T57" fmla="*/ 448 h 475"/>
              <a:gd name="T58" fmla="*/ 106 w 475"/>
              <a:gd name="T59" fmla="*/ 448 h 475"/>
              <a:gd name="T60" fmla="*/ 106 w 475"/>
              <a:gd name="T61" fmla="*/ 369 h 475"/>
              <a:gd name="T62" fmla="*/ 211 w 475"/>
              <a:gd name="T63" fmla="*/ 356 h 475"/>
              <a:gd name="T64" fmla="*/ 211 w 475"/>
              <a:gd name="T65" fmla="*/ 264 h 475"/>
              <a:gd name="T66" fmla="*/ 290 w 475"/>
              <a:gd name="T67" fmla="*/ 264 h 475"/>
              <a:gd name="T68" fmla="*/ 290 w 475"/>
              <a:gd name="T69" fmla="*/ 448 h 475"/>
              <a:gd name="T70" fmla="*/ 211 w 475"/>
              <a:gd name="T71" fmla="*/ 448 h 475"/>
              <a:gd name="T72" fmla="*/ 211 w 475"/>
              <a:gd name="T73" fmla="*/ 356 h 475"/>
              <a:gd name="T74" fmla="*/ 317 w 475"/>
              <a:gd name="T75" fmla="*/ 448 h 475"/>
              <a:gd name="T76" fmla="*/ 317 w 475"/>
              <a:gd name="T77" fmla="*/ 251 h 475"/>
              <a:gd name="T78" fmla="*/ 317 w 475"/>
              <a:gd name="T79" fmla="*/ 158 h 475"/>
              <a:gd name="T80" fmla="*/ 396 w 475"/>
              <a:gd name="T81" fmla="*/ 158 h 475"/>
              <a:gd name="T82" fmla="*/ 396 w 475"/>
              <a:gd name="T83" fmla="*/ 448 h 475"/>
              <a:gd name="T84" fmla="*/ 317 w 475"/>
              <a:gd name="T85" fmla="*/ 448 h 4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475" h="475">
                <a:moveTo>
                  <a:pt x="462" y="448"/>
                </a:moveTo>
                <a:cubicBezTo>
                  <a:pt x="422" y="448"/>
                  <a:pt x="422" y="448"/>
                  <a:pt x="422" y="448"/>
                </a:cubicBezTo>
                <a:cubicBezTo>
                  <a:pt x="422" y="145"/>
                  <a:pt x="422" y="145"/>
                  <a:pt x="422" y="145"/>
                </a:cubicBezTo>
                <a:cubicBezTo>
                  <a:pt x="422" y="138"/>
                  <a:pt x="416" y="132"/>
                  <a:pt x="409" y="132"/>
                </a:cubicBezTo>
                <a:cubicBezTo>
                  <a:pt x="304" y="132"/>
                  <a:pt x="304" y="132"/>
                  <a:pt x="304" y="132"/>
                </a:cubicBezTo>
                <a:cubicBezTo>
                  <a:pt x="296" y="132"/>
                  <a:pt x="290" y="138"/>
                  <a:pt x="290" y="145"/>
                </a:cubicBezTo>
                <a:cubicBezTo>
                  <a:pt x="290" y="237"/>
                  <a:pt x="290" y="237"/>
                  <a:pt x="290" y="237"/>
                </a:cubicBezTo>
                <a:cubicBezTo>
                  <a:pt x="198" y="237"/>
                  <a:pt x="198" y="237"/>
                  <a:pt x="198" y="237"/>
                </a:cubicBezTo>
                <a:cubicBezTo>
                  <a:pt x="191" y="237"/>
                  <a:pt x="185" y="243"/>
                  <a:pt x="185" y="251"/>
                </a:cubicBezTo>
                <a:cubicBezTo>
                  <a:pt x="185" y="343"/>
                  <a:pt x="185" y="343"/>
                  <a:pt x="185" y="343"/>
                </a:cubicBezTo>
                <a:cubicBezTo>
                  <a:pt x="92" y="343"/>
                  <a:pt x="92" y="343"/>
                  <a:pt x="92" y="343"/>
                </a:cubicBezTo>
                <a:cubicBezTo>
                  <a:pt x="85" y="343"/>
                  <a:pt x="79" y="349"/>
                  <a:pt x="79" y="356"/>
                </a:cubicBezTo>
                <a:cubicBezTo>
                  <a:pt x="79" y="448"/>
                  <a:pt x="79" y="448"/>
                  <a:pt x="79" y="448"/>
                </a:cubicBezTo>
                <a:cubicBezTo>
                  <a:pt x="26" y="448"/>
                  <a:pt x="26" y="448"/>
                  <a:pt x="26" y="448"/>
                </a:cubicBezTo>
                <a:cubicBezTo>
                  <a:pt x="26" y="13"/>
                  <a:pt x="26" y="13"/>
                  <a:pt x="26" y="13"/>
                </a:cubicBezTo>
                <a:cubicBezTo>
                  <a:pt x="26" y="6"/>
                  <a:pt x="21" y="0"/>
                  <a:pt x="13" y="0"/>
                </a:cubicBezTo>
                <a:cubicBezTo>
                  <a:pt x="6" y="0"/>
                  <a:pt x="0" y="6"/>
                  <a:pt x="0" y="13"/>
                </a:cubicBezTo>
                <a:cubicBezTo>
                  <a:pt x="0" y="462"/>
                  <a:pt x="0" y="462"/>
                  <a:pt x="0" y="462"/>
                </a:cubicBezTo>
                <a:cubicBezTo>
                  <a:pt x="0" y="469"/>
                  <a:pt x="6" y="475"/>
                  <a:pt x="13" y="475"/>
                </a:cubicBezTo>
                <a:cubicBezTo>
                  <a:pt x="92" y="475"/>
                  <a:pt x="92" y="475"/>
                  <a:pt x="92" y="475"/>
                </a:cubicBezTo>
                <a:cubicBezTo>
                  <a:pt x="198" y="475"/>
                  <a:pt x="198" y="475"/>
                  <a:pt x="198" y="475"/>
                </a:cubicBezTo>
                <a:cubicBezTo>
                  <a:pt x="304" y="475"/>
                  <a:pt x="304" y="475"/>
                  <a:pt x="304" y="475"/>
                </a:cubicBezTo>
                <a:cubicBezTo>
                  <a:pt x="409" y="475"/>
                  <a:pt x="409" y="475"/>
                  <a:pt x="409" y="475"/>
                </a:cubicBezTo>
                <a:cubicBezTo>
                  <a:pt x="462" y="475"/>
                  <a:pt x="462" y="475"/>
                  <a:pt x="462" y="475"/>
                </a:cubicBezTo>
                <a:cubicBezTo>
                  <a:pt x="469" y="475"/>
                  <a:pt x="475" y="469"/>
                  <a:pt x="475" y="462"/>
                </a:cubicBezTo>
                <a:cubicBezTo>
                  <a:pt x="475" y="454"/>
                  <a:pt x="469" y="448"/>
                  <a:pt x="462" y="448"/>
                </a:cubicBezTo>
                <a:close/>
                <a:moveTo>
                  <a:pt x="106" y="369"/>
                </a:moveTo>
                <a:cubicBezTo>
                  <a:pt x="185" y="369"/>
                  <a:pt x="185" y="369"/>
                  <a:pt x="185" y="369"/>
                </a:cubicBezTo>
                <a:cubicBezTo>
                  <a:pt x="185" y="448"/>
                  <a:pt x="185" y="448"/>
                  <a:pt x="185" y="448"/>
                </a:cubicBezTo>
                <a:cubicBezTo>
                  <a:pt x="106" y="448"/>
                  <a:pt x="106" y="448"/>
                  <a:pt x="106" y="448"/>
                </a:cubicBezTo>
                <a:lnTo>
                  <a:pt x="106" y="369"/>
                </a:lnTo>
                <a:close/>
                <a:moveTo>
                  <a:pt x="211" y="356"/>
                </a:moveTo>
                <a:cubicBezTo>
                  <a:pt x="211" y="264"/>
                  <a:pt x="211" y="264"/>
                  <a:pt x="211" y="264"/>
                </a:cubicBezTo>
                <a:cubicBezTo>
                  <a:pt x="290" y="264"/>
                  <a:pt x="290" y="264"/>
                  <a:pt x="290" y="264"/>
                </a:cubicBezTo>
                <a:cubicBezTo>
                  <a:pt x="290" y="448"/>
                  <a:pt x="290" y="448"/>
                  <a:pt x="290" y="448"/>
                </a:cubicBezTo>
                <a:cubicBezTo>
                  <a:pt x="211" y="448"/>
                  <a:pt x="211" y="448"/>
                  <a:pt x="211" y="448"/>
                </a:cubicBezTo>
                <a:lnTo>
                  <a:pt x="211" y="356"/>
                </a:lnTo>
                <a:close/>
                <a:moveTo>
                  <a:pt x="317" y="448"/>
                </a:moveTo>
                <a:cubicBezTo>
                  <a:pt x="317" y="251"/>
                  <a:pt x="317" y="251"/>
                  <a:pt x="317" y="251"/>
                </a:cubicBezTo>
                <a:cubicBezTo>
                  <a:pt x="317" y="158"/>
                  <a:pt x="317" y="158"/>
                  <a:pt x="317" y="158"/>
                </a:cubicBezTo>
                <a:cubicBezTo>
                  <a:pt x="396" y="158"/>
                  <a:pt x="396" y="158"/>
                  <a:pt x="396" y="158"/>
                </a:cubicBezTo>
                <a:cubicBezTo>
                  <a:pt x="396" y="448"/>
                  <a:pt x="396" y="448"/>
                  <a:pt x="396" y="448"/>
                </a:cubicBezTo>
                <a:lnTo>
                  <a:pt x="317" y="448"/>
                </a:lnTo>
                <a:close/>
              </a:path>
            </a:pathLst>
          </a:custGeom>
          <a:solidFill>
            <a:srgbClr val="DAFA87"/>
          </a:solidFill>
          <a:ln>
            <a:noFill/>
          </a:ln>
        </p:spPr>
        <p:txBody>
          <a:bodyPr vert="horz" wrap="square" lIns="91440" tIns="45720" rIns="91440" bIns="45720" numCol="1" anchor="t" anchorCtr="0" compatLnSpc="1">
            <a:prstTxWarp prst="textNoShape">
              <a:avLst/>
            </a:prstTxWarp>
          </a:bodyPr>
          <a:lstStyle/>
          <a:p>
            <a:endParaRPr lang="en-US"/>
          </a:p>
        </p:txBody>
      </p:sp>
      <p:sp>
        <p:nvSpPr>
          <p:cNvPr id="288" name="Freeform 259">
            <a:extLst>
              <a:ext uri="{FF2B5EF4-FFF2-40B4-BE49-F238E27FC236}">
                <a16:creationId xmlns:a16="http://schemas.microsoft.com/office/drawing/2014/main" id="{0584F009-8A2B-0C10-9011-48F95A7A2AEF}"/>
              </a:ext>
            </a:extLst>
          </p:cNvPr>
          <p:cNvSpPr>
            <a:spLocks noEditPoints="1"/>
          </p:cNvSpPr>
          <p:nvPr/>
        </p:nvSpPr>
        <p:spPr bwMode="auto">
          <a:xfrm>
            <a:off x="815229" y="3113590"/>
            <a:ext cx="363385" cy="759408"/>
          </a:xfrm>
          <a:custGeom>
            <a:avLst/>
            <a:gdLst>
              <a:gd name="T0" fmla="*/ 199 w 227"/>
              <a:gd name="T1" fmla="*/ 153 h 475"/>
              <a:gd name="T2" fmla="*/ 215 w 227"/>
              <a:gd name="T3" fmla="*/ 163 h 475"/>
              <a:gd name="T4" fmla="*/ 225 w 227"/>
              <a:gd name="T5" fmla="*/ 147 h 475"/>
              <a:gd name="T6" fmla="*/ 126 w 227"/>
              <a:gd name="T7" fmla="*/ 54 h 475"/>
              <a:gd name="T8" fmla="*/ 126 w 227"/>
              <a:gd name="T9" fmla="*/ 13 h 475"/>
              <a:gd name="T10" fmla="*/ 113 w 227"/>
              <a:gd name="T11" fmla="*/ 0 h 475"/>
              <a:gd name="T12" fmla="*/ 100 w 227"/>
              <a:gd name="T13" fmla="*/ 13 h 475"/>
              <a:gd name="T14" fmla="*/ 100 w 227"/>
              <a:gd name="T15" fmla="*/ 53 h 475"/>
              <a:gd name="T16" fmla="*/ 36 w 227"/>
              <a:gd name="T17" fmla="*/ 79 h 475"/>
              <a:gd name="T18" fmla="*/ 9 w 227"/>
              <a:gd name="T19" fmla="*/ 140 h 475"/>
              <a:gd name="T20" fmla="*/ 100 w 227"/>
              <a:gd name="T21" fmla="*/ 246 h 475"/>
              <a:gd name="T22" fmla="*/ 100 w 227"/>
              <a:gd name="T23" fmla="*/ 395 h 475"/>
              <a:gd name="T24" fmla="*/ 27 w 227"/>
              <a:gd name="T25" fmla="*/ 323 h 475"/>
              <a:gd name="T26" fmla="*/ 11 w 227"/>
              <a:gd name="T27" fmla="*/ 313 h 475"/>
              <a:gd name="T28" fmla="*/ 1 w 227"/>
              <a:gd name="T29" fmla="*/ 329 h 475"/>
              <a:gd name="T30" fmla="*/ 100 w 227"/>
              <a:gd name="T31" fmla="*/ 421 h 475"/>
              <a:gd name="T32" fmla="*/ 100 w 227"/>
              <a:gd name="T33" fmla="*/ 462 h 475"/>
              <a:gd name="T34" fmla="*/ 113 w 227"/>
              <a:gd name="T35" fmla="*/ 475 h 475"/>
              <a:gd name="T36" fmla="*/ 126 w 227"/>
              <a:gd name="T37" fmla="*/ 462 h 475"/>
              <a:gd name="T38" fmla="*/ 126 w 227"/>
              <a:gd name="T39" fmla="*/ 422 h 475"/>
              <a:gd name="T40" fmla="*/ 190 w 227"/>
              <a:gd name="T41" fmla="*/ 397 h 475"/>
              <a:gd name="T42" fmla="*/ 217 w 227"/>
              <a:gd name="T43" fmla="*/ 336 h 475"/>
              <a:gd name="T44" fmla="*/ 126 w 227"/>
              <a:gd name="T45" fmla="*/ 229 h 475"/>
              <a:gd name="T46" fmla="*/ 126 w 227"/>
              <a:gd name="T47" fmla="*/ 229 h 475"/>
              <a:gd name="T48" fmla="*/ 126 w 227"/>
              <a:gd name="T49" fmla="*/ 81 h 475"/>
              <a:gd name="T50" fmla="*/ 199 w 227"/>
              <a:gd name="T51" fmla="*/ 153 h 475"/>
              <a:gd name="T52" fmla="*/ 35 w 227"/>
              <a:gd name="T53" fmla="*/ 141 h 475"/>
              <a:gd name="T54" fmla="*/ 54 w 227"/>
              <a:gd name="T55" fmla="*/ 98 h 475"/>
              <a:gd name="T56" fmla="*/ 100 w 227"/>
              <a:gd name="T57" fmla="*/ 80 h 475"/>
              <a:gd name="T58" fmla="*/ 100 w 227"/>
              <a:gd name="T59" fmla="*/ 217 h 475"/>
              <a:gd name="T60" fmla="*/ 35 w 227"/>
              <a:gd name="T61" fmla="*/ 141 h 475"/>
              <a:gd name="T62" fmla="*/ 191 w 227"/>
              <a:gd name="T63" fmla="*/ 335 h 475"/>
              <a:gd name="T64" fmla="*/ 172 w 227"/>
              <a:gd name="T65" fmla="*/ 377 h 475"/>
              <a:gd name="T66" fmla="*/ 126 w 227"/>
              <a:gd name="T67" fmla="*/ 396 h 475"/>
              <a:gd name="T68" fmla="*/ 126 w 227"/>
              <a:gd name="T69" fmla="*/ 258 h 475"/>
              <a:gd name="T70" fmla="*/ 191 w 227"/>
              <a:gd name="T71" fmla="*/ 335 h 4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Lst>
            <a:rect l="0" t="0" r="r" b="b"/>
            <a:pathLst>
              <a:path w="227" h="475">
                <a:moveTo>
                  <a:pt x="199" y="153"/>
                </a:moveTo>
                <a:cubicBezTo>
                  <a:pt x="201" y="160"/>
                  <a:pt x="208" y="164"/>
                  <a:pt x="215" y="163"/>
                </a:cubicBezTo>
                <a:cubicBezTo>
                  <a:pt x="222" y="161"/>
                  <a:pt x="227" y="154"/>
                  <a:pt x="225" y="147"/>
                </a:cubicBezTo>
                <a:cubicBezTo>
                  <a:pt x="211" y="90"/>
                  <a:pt x="179" y="60"/>
                  <a:pt x="126" y="54"/>
                </a:cubicBezTo>
                <a:cubicBezTo>
                  <a:pt x="126" y="13"/>
                  <a:pt x="126" y="13"/>
                  <a:pt x="126" y="13"/>
                </a:cubicBezTo>
                <a:cubicBezTo>
                  <a:pt x="126" y="6"/>
                  <a:pt x="120" y="0"/>
                  <a:pt x="113" y="0"/>
                </a:cubicBezTo>
                <a:cubicBezTo>
                  <a:pt x="106" y="0"/>
                  <a:pt x="100" y="6"/>
                  <a:pt x="100" y="13"/>
                </a:cubicBezTo>
                <a:cubicBezTo>
                  <a:pt x="100" y="53"/>
                  <a:pt x="100" y="53"/>
                  <a:pt x="100" y="53"/>
                </a:cubicBezTo>
                <a:cubicBezTo>
                  <a:pt x="75" y="55"/>
                  <a:pt x="53" y="64"/>
                  <a:pt x="36" y="79"/>
                </a:cubicBezTo>
                <a:cubicBezTo>
                  <a:pt x="19" y="94"/>
                  <a:pt x="10" y="115"/>
                  <a:pt x="9" y="140"/>
                </a:cubicBezTo>
                <a:cubicBezTo>
                  <a:pt x="7" y="189"/>
                  <a:pt x="28" y="213"/>
                  <a:pt x="100" y="246"/>
                </a:cubicBezTo>
                <a:cubicBezTo>
                  <a:pt x="100" y="395"/>
                  <a:pt x="100" y="395"/>
                  <a:pt x="100" y="395"/>
                </a:cubicBezTo>
                <a:cubicBezTo>
                  <a:pt x="60" y="389"/>
                  <a:pt x="38" y="367"/>
                  <a:pt x="27" y="323"/>
                </a:cubicBezTo>
                <a:cubicBezTo>
                  <a:pt x="25" y="315"/>
                  <a:pt x="18" y="311"/>
                  <a:pt x="11" y="313"/>
                </a:cubicBezTo>
                <a:cubicBezTo>
                  <a:pt x="4" y="315"/>
                  <a:pt x="0" y="322"/>
                  <a:pt x="1" y="329"/>
                </a:cubicBezTo>
                <a:cubicBezTo>
                  <a:pt x="15" y="386"/>
                  <a:pt x="47" y="415"/>
                  <a:pt x="100" y="421"/>
                </a:cubicBezTo>
                <a:cubicBezTo>
                  <a:pt x="100" y="462"/>
                  <a:pt x="100" y="462"/>
                  <a:pt x="100" y="462"/>
                </a:cubicBezTo>
                <a:cubicBezTo>
                  <a:pt x="100" y="469"/>
                  <a:pt x="106" y="475"/>
                  <a:pt x="113" y="475"/>
                </a:cubicBezTo>
                <a:cubicBezTo>
                  <a:pt x="120" y="475"/>
                  <a:pt x="126" y="469"/>
                  <a:pt x="126" y="462"/>
                </a:cubicBezTo>
                <a:cubicBezTo>
                  <a:pt x="126" y="422"/>
                  <a:pt x="126" y="422"/>
                  <a:pt x="126" y="422"/>
                </a:cubicBezTo>
                <a:cubicBezTo>
                  <a:pt x="151" y="421"/>
                  <a:pt x="173" y="412"/>
                  <a:pt x="190" y="397"/>
                </a:cubicBezTo>
                <a:cubicBezTo>
                  <a:pt x="207" y="381"/>
                  <a:pt x="216" y="360"/>
                  <a:pt x="217" y="336"/>
                </a:cubicBezTo>
                <a:cubicBezTo>
                  <a:pt x="219" y="287"/>
                  <a:pt x="198" y="262"/>
                  <a:pt x="126" y="229"/>
                </a:cubicBezTo>
                <a:cubicBezTo>
                  <a:pt x="126" y="229"/>
                  <a:pt x="126" y="229"/>
                  <a:pt x="126" y="229"/>
                </a:cubicBezTo>
                <a:cubicBezTo>
                  <a:pt x="126" y="81"/>
                  <a:pt x="126" y="81"/>
                  <a:pt x="126" y="81"/>
                </a:cubicBezTo>
                <a:cubicBezTo>
                  <a:pt x="166" y="86"/>
                  <a:pt x="188" y="109"/>
                  <a:pt x="199" y="153"/>
                </a:cubicBezTo>
                <a:close/>
                <a:moveTo>
                  <a:pt x="35" y="141"/>
                </a:moveTo>
                <a:cubicBezTo>
                  <a:pt x="36" y="123"/>
                  <a:pt x="42" y="109"/>
                  <a:pt x="54" y="98"/>
                </a:cubicBezTo>
                <a:cubicBezTo>
                  <a:pt x="66" y="88"/>
                  <a:pt x="82" y="81"/>
                  <a:pt x="100" y="80"/>
                </a:cubicBezTo>
                <a:cubicBezTo>
                  <a:pt x="100" y="217"/>
                  <a:pt x="100" y="217"/>
                  <a:pt x="100" y="217"/>
                </a:cubicBezTo>
                <a:cubicBezTo>
                  <a:pt x="40" y="189"/>
                  <a:pt x="34" y="171"/>
                  <a:pt x="35" y="141"/>
                </a:cubicBezTo>
                <a:close/>
                <a:moveTo>
                  <a:pt x="191" y="335"/>
                </a:moveTo>
                <a:cubicBezTo>
                  <a:pt x="190" y="352"/>
                  <a:pt x="184" y="367"/>
                  <a:pt x="172" y="377"/>
                </a:cubicBezTo>
                <a:cubicBezTo>
                  <a:pt x="161" y="388"/>
                  <a:pt x="144" y="394"/>
                  <a:pt x="126" y="396"/>
                </a:cubicBezTo>
                <a:cubicBezTo>
                  <a:pt x="126" y="258"/>
                  <a:pt x="126" y="258"/>
                  <a:pt x="126" y="258"/>
                </a:cubicBezTo>
                <a:cubicBezTo>
                  <a:pt x="186" y="287"/>
                  <a:pt x="192" y="304"/>
                  <a:pt x="191" y="335"/>
                </a:cubicBez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US"/>
          </a:p>
        </p:txBody>
      </p:sp>
      <p:sp>
        <p:nvSpPr>
          <p:cNvPr id="289" name="Freeform 269">
            <a:extLst>
              <a:ext uri="{FF2B5EF4-FFF2-40B4-BE49-F238E27FC236}">
                <a16:creationId xmlns:a16="http://schemas.microsoft.com/office/drawing/2014/main" id="{708228B0-046C-4C3E-BDBD-70AB38DF69C9}"/>
              </a:ext>
            </a:extLst>
          </p:cNvPr>
          <p:cNvSpPr>
            <a:spLocks noEditPoints="1"/>
          </p:cNvSpPr>
          <p:nvPr/>
        </p:nvSpPr>
        <p:spPr bwMode="auto">
          <a:xfrm>
            <a:off x="5380165" y="5173640"/>
            <a:ext cx="233558" cy="397289"/>
          </a:xfrm>
          <a:custGeom>
            <a:avLst/>
            <a:gdLst>
              <a:gd name="T0" fmla="*/ 235 w 264"/>
              <a:gd name="T1" fmla="*/ 106 h 449"/>
              <a:gd name="T2" fmla="*/ 211 w 264"/>
              <a:gd name="T3" fmla="*/ 106 h 449"/>
              <a:gd name="T4" fmla="*/ 211 w 264"/>
              <a:gd name="T5" fmla="*/ 93 h 449"/>
              <a:gd name="T6" fmla="*/ 238 w 264"/>
              <a:gd name="T7" fmla="*/ 93 h 449"/>
              <a:gd name="T8" fmla="*/ 251 w 264"/>
              <a:gd name="T9" fmla="*/ 79 h 449"/>
              <a:gd name="T10" fmla="*/ 251 w 264"/>
              <a:gd name="T11" fmla="*/ 13 h 449"/>
              <a:gd name="T12" fmla="*/ 238 w 264"/>
              <a:gd name="T13" fmla="*/ 0 h 449"/>
              <a:gd name="T14" fmla="*/ 40 w 264"/>
              <a:gd name="T15" fmla="*/ 0 h 449"/>
              <a:gd name="T16" fmla="*/ 26 w 264"/>
              <a:gd name="T17" fmla="*/ 13 h 449"/>
              <a:gd name="T18" fmla="*/ 26 w 264"/>
              <a:gd name="T19" fmla="*/ 79 h 449"/>
              <a:gd name="T20" fmla="*/ 40 w 264"/>
              <a:gd name="T21" fmla="*/ 93 h 449"/>
              <a:gd name="T22" fmla="*/ 53 w 264"/>
              <a:gd name="T23" fmla="*/ 93 h 449"/>
              <a:gd name="T24" fmla="*/ 53 w 264"/>
              <a:gd name="T25" fmla="*/ 106 h 449"/>
              <a:gd name="T26" fmla="*/ 29 w 264"/>
              <a:gd name="T27" fmla="*/ 106 h 449"/>
              <a:gd name="T28" fmla="*/ 0 w 264"/>
              <a:gd name="T29" fmla="*/ 135 h 449"/>
              <a:gd name="T30" fmla="*/ 0 w 264"/>
              <a:gd name="T31" fmla="*/ 420 h 449"/>
              <a:gd name="T32" fmla="*/ 29 w 264"/>
              <a:gd name="T33" fmla="*/ 449 h 449"/>
              <a:gd name="T34" fmla="*/ 235 w 264"/>
              <a:gd name="T35" fmla="*/ 449 h 449"/>
              <a:gd name="T36" fmla="*/ 264 w 264"/>
              <a:gd name="T37" fmla="*/ 420 h 449"/>
              <a:gd name="T38" fmla="*/ 264 w 264"/>
              <a:gd name="T39" fmla="*/ 135 h 449"/>
              <a:gd name="T40" fmla="*/ 235 w 264"/>
              <a:gd name="T41" fmla="*/ 106 h 449"/>
              <a:gd name="T42" fmla="*/ 238 w 264"/>
              <a:gd name="T43" fmla="*/ 356 h 449"/>
              <a:gd name="T44" fmla="*/ 145 w 264"/>
              <a:gd name="T45" fmla="*/ 356 h 449"/>
              <a:gd name="T46" fmla="*/ 145 w 264"/>
              <a:gd name="T47" fmla="*/ 198 h 449"/>
              <a:gd name="T48" fmla="*/ 238 w 264"/>
              <a:gd name="T49" fmla="*/ 198 h 449"/>
              <a:gd name="T50" fmla="*/ 238 w 264"/>
              <a:gd name="T51" fmla="*/ 356 h 449"/>
              <a:gd name="T52" fmla="*/ 53 w 264"/>
              <a:gd name="T53" fmla="*/ 27 h 449"/>
              <a:gd name="T54" fmla="*/ 224 w 264"/>
              <a:gd name="T55" fmla="*/ 27 h 449"/>
              <a:gd name="T56" fmla="*/ 224 w 264"/>
              <a:gd name="T57" fmla="*/ 66 h 449"/>
              <a:gd name="T58" fmla="*/ 53 w 264"/>
              <a:gd name="T59" fmla="*/ 66 h 449"/>
              <a:gd name="T60" fmla="*/ 53 w 264"/>
              <a:gd name="T61" fmla="*/ 27 h 449"/>
              <a:gd name="T62" fmla="*/ 235 w 264"/>
              <a:gd name="T63" fmla="*/ 422 h 449"/>
              <a:gd name="T64" fmla="*/ 29 w 264"/>
              <a:gd name="T65" fmla="*/ 422 h 449"/>
              <a:gd name="T66" fmla="*/ 26 w 264"/>
              <a:gd name="T67" fmla="*/ 420 h 449"/>
              <a:gd name="T68" fmla="*/ 26 w 264"/>
              <a:gd name="T69" fmla="*/ 135 h 449"/>
              <a:gd name="T70" fmla="*/ 29 w 264"/>
              <a:gd name="T71" fmla="*/ 132 h 449"/>
              <a:gd name="T72" fmla="*/ 66 w 264"/>
              <a:gd name="T73" fmla="*/ 132 h 449"/>
              <a:gd name="T74" fmla="*/ 79 w 264"/>
              <a:gd name="T75" fmla="*/ 119 h 449"/>
              <a:gd name="T76" fmla="*/ 79 w 264"/>
              <a:gd name="T77" fmla="*/ 93 h 449"/>
              <a:gd name="T78" fmla="*/ 185 w 264"/>
              <a:gd name="T79" fmla="*/ 93 h 449"/>
              <a:gd name="T80" fmla="*/ 185 w 264"/>
              <a:gd name="T81" fmla="*/ 119 h 449"/>
              <a:gd name="T82" fmla="*/ 198 w 264"/>
              <a:gd name="T83" fmla="*/ 132 h 449"/>
              <a:gd name="T84" fmla="*/ 235 w 264"/>
              <a:gd name="T85" fmla="*/ 132 h 449"/>
              <a:gd name="T86" fmla="*/ 238 w 264"/>
              <a:gd name="T87" fmla="*/ 135 h 449"/>
              <a:gd name="T88" fmla="*/ 238 w 264"/>
              <a:gd name="T89" fmla="*/ 172 h 449"/>
              <a:gd name="T90" fmla="*/ 132 w 264"/>
              <a:gd name="T91" fmla="*/ 172 h 449"/>
              <a:gd name="T92" fmla="*/ 119 w 264"/>
              <a:gd name="T93" fmla="*/ 185 h 449"/>
              <a:gd name="T94" fmla="*/ 119 w 264"/>
              <a:gd name="T95" fmla="*/ 370 h 449"/>
              <a:gd name="T96" fmla="*/ 132 w 264"/>
              <a:gd name="T97" fmla="*/ 383 h 449"/>
              <a:gd name="T98" fmla="*/ 238 w 264"/>
              <a:gd name="T99" fmla="*/ 383 h 449"/>
              <a:gd name="T100" fmla="*/ 238 w 264"/>
              <a:gd name="T101" fmla="*/ 420 h 449"/>
              <a:gd name="T102" fmla="*/ 235 w 264"/>
              <a:gd name="T103" fmla="*/ 422 h 44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264" h="449">
                <a:moveTo>
                  <a:pt x="235" y="106"/>
                </a:moveTo>
                <a:cubicBezTo>
                  <a:pt x="211" y="106"/>
                  <a:pt x="211" y="106"/>
                  <a:pt x="211" y="106"/>
                </a:cubicBezTo>
                <a:cubicBezTo>
                  <a:pt x="211" y="93"/>
                  <a:pt x="211" y="93"/>
                  <a:pt x="211" y="93"/>
                </a:cubicBezTo>
                <a:cubicBezTo>
                  <a:pt x="238" y="93"/>
                  <a:pt x="238" y="93"/>
                  <a:pt x="238" y="93"/>
                </a:cubicBezTo>
                <a:cubicBezTo>
                  <a:pt x="245" y="93"/>
                  <a:pt x="251" y="87"/>
                  <a:pt x="251" y="79"/>
                </a:cubicBezTo>
                <a:cubicBezTo>
                  <a:pt x="251" y="13"/>
                  <a:pt x="251" y="13"/>
                  <a:pt x="251" y="13"/>
                </a:cubicBezTo>
                <a:cubicBezTo>
                  <a:pt x="251" y="6"/>
                  <a:pt x="245" y="0"/>
                  <a:pt x="238" y="0"/>
                </a:cubicBezTo>
                <a:cubicBezTo>
                  <a:pt x="40" y="0"/>
                  <a:pt x="40" y="0"/>
                  <a:pt x="40" y="0"/>
                </a:cubicBezTo>
                <a:cubicBezTo>
                  <a:pt x="32" y="0"/>
                  <a:pt x="26" y="6"/>
                  <a:pt x="26" y="13"/>
                </a:cubicBezTo>
                <a:cubicBezTo>
                  <a:pt x="26" y="79"/>
                  <a:pt x="26" y="79"/>
                  <a:pt x="26" y="79"/>
                </a:cubicBezTo>
                <a:cubicBezTo>
                  <a:pt x="26" y="87"/>
                  <a:pt x="32" y="93"/>
                  <a:pt x="40" y="93"/>
                </a:cubicBezTo>
                <a:cubicBezTo>
                  <a:pt x="53" y="93"/>
                  <a:pt x="53" y="93"/>
                  <a:pt x="53" y="93"/>
                </a:cubicBezTo>
                <a:cubicBezTo>
                  <a:pt x="53" y="106"/>
                  <a:pt x="53" y="106"/>
                  <a:pt x="53" y="106"/>
                </a:cubicBezTo>
                <a:cubicBezTo>
                  <a:pt x="29" y="106"/>
                  <a:pt x="29" y="106"/>
                  <a:pt x="29" y="106"/>
                </a:cubicBezTo>
                <a:cubicBezTo>
                  <a:pt x="13" y="106"/>
                  <a:pt x="0" y="119"/>
                  <a:pt x="0" y="135"/>
                </a:cubicBezTo>
                <a:cubicBezTo>
                  <a:pt x="0" y="420"/>
                  <a:pt x="0" y="420"/>
                  <a:pt x="0" y="420"/>
                </a:cubicBezTo>
                <a:cubicBezTo>
                  <a:pt x="0" y="436"/>
                  <a:pt x="13" y="449"/>
                  <a:pt x="29" y="449"/>
                </a:cubicBezTo>
                <a:cubicBezTo>
                  <a:pt x="235" y="449"/>
                  <a:pt x="235" y="449"/>
                  <a:pt x="235" y="449"/>
                </a:cubicBezTo>
                <a:cubicBezTo>
                  <a:pt x="251" y="449"/>
                  <a:pt x="264" y="436"/>
                  <a:pt x="264" y="420"/>
                </a:cubicBezTo>
                <a:cubicBezTo>
                  <a:pt x="264" y="135"/>
                  <a:pt x="264" y="135"/>
                  <a:pt x="264" y="135"/>
                </a:cubicBezTo>
                <a:cubicBezTo>
                  <a:pt x="264" y="119"/>
                  <a:pt x="251" y="106"/>
                  <a:pt x="235" y="106"/>
                </a:cubicBezTo>
                <a:close/>
                <a:moveTo>
                  <a:pt x="238" y="356"/>
                </a:moveTo>
                <a:cubicBezTo>
                  <a:pt x="145" y="356"/>
                  <a:pt x="145" y="356"/>
                  <a:pt x="145" y="356"/>
                </a:cubicBezTo>
                <a:cubicBezTo>
                  <a:pt x="145" y="198"/>
                  <a:pt x="145" y="198"/>
                  <a:pt x="145" y="198"/>
                </a:cubicBezTo>
                <a:cubicBezTo>
                  <a:pt x="238" y="198"/>
                  <a:pt x="238" y="198"/>
                  <a:pt x="238" y="198"/>
                </a:cubicBezTo>
                <a:lnTo>
                  <a:pt x="238" y="356"/>
                </a:lnTo>
                <a:close/>
                <a:moveTo>
                  <a:pt x="53" y="27"/>
                </a:moveTo>
                <a:cubicBezTo>
                  <a:pt x="224" y="27"/>
                  <a:pt x="224" y="27"/>
                  <a:pt x="224" y="27"/>
                </a:cubicBezTo>
                <a:cubicBezTo>
                  <a:pt x="224" y="66"/>
                  <a:pt x="224" y="66"/>
                  <a:pt x="224" y="66"/>
                </a:cubicBezTo>
                <a:cubicBezTo>
                  <a:pt x="53" y="66"/>
                  <a:pt x="53" y="66"/>
                  <a:pt x="53" y="66"/>
                </a:cubicBezTo>
                <a:lnTo>
                  <a:pt x="53" y="27"/>
                </a:lnTo>
                <a:close/>
                <a:moveTo>
                  <a:pt x="235" y="422"/>
                </a:moveTo>
                <a:cubicBezTo>
                  <a:pt x="29" y="422"/>
                  <a:pt x="29" y="422"/>
                  <a:pt x="29" y="422"/>
                </a:cubicBezTo>
                <a:cubicBezTo>
                  <a:pt x="28" y="422"/>
                  <a:pt x="26" y="421"/>
                  <a:pt x="26" y="420"/>
                </a:cubicBezTo>
                <a:cubicBezTo>
                  <a:pt x="26" y="135"/>
                  <a:pt x="26" y="135"/>
                  <a:pt x="26" y="135"/>
                </a:cubicBezTo>
                <a:cubicBezTo>
                  <a:pt x="26" y="133"/>
                  <a:pt x="28" y="132"/>
                  <a:pt x="29" y="132"/>
                </a:cubicBezTo>
                <a:cubicBezTo>
                  <a:pt x="66" y="132"/>
                  <a:pt x="66" y="132"/>
                  <a:pt x="66" y="132"/>
                </a:cubicBezTo>
                <a:cubicBezTo>
                  <a:pt x="73" y="132"/>
                  <a:pt x="79" y="126"/>
                  <a:pt x="79" y="119"/>
                </a:cubicBezTo>
                <a:cubicBezTo>
                  <a:pt x="79" y="93"/>
                  <a:pt x="79" y="93"/>
                  <a:pt x="79" y="93"/>
                </a:cubicBezTo>
                <a:cubicBezTo>
                  <a:pt x="185" y="93"/>
                  <a:pt x="185" y="93"/>
                  <a:pt x="185" y="93"/>
                </a:cubicBezTo>
                <a:cubicBezTo>
                  <a:pt x="185" y="119"/>
                  <a:pt x="185" y="119"/>
                  <a:pt x="185" y="119"/>
                </a:cubicBezTo>
                <a:cubicBezTo>
                  <a:pt x="185" y="126"/>
                  <a:pt x="191" y="132"/>
                  <a:pt x="198" y="132"/>
                </a:cubicBezTo>
                <a:cubicBezTo>
                  <a:pt x="235" y="132"/>
                  <a:pt x="235" y="132"/>
                  <a:pt x="235" y="132"/>
                </a:cubicBezTo>
                <a:cubicBezTo>
                  <a:pt x="236" y="132"/>
                  <a:pt x="238" y="133"/>
                  <a:pt x="238" y="135"/>
                </a:cubicBezTo>
                <a:cubicBezTo>
                  <a:pt x="238" y="172"/>
                  <a:pt x="238" y="172"/>
                  <a:pt x="238" y="172"/>
                </a:cubicBezTo>
                <a:cubicBezTo>
                  <a:pt x="132" y="172"/>
                  <a:pt x="132" y="172"/>
                  <a:pt x="132" y="172"/>
                </a:cubicBezTo>
                <a:cubicBezTo>
                  <a:pt x="125" y="172"/>
                  <a:pt x="119" y="178"/>
                  <a:pt x="119" y="185"/>
                </a:cubicBezTo>
                <a:cubicBezTo>
                  <a:pt x="119" y="370"/>
                  <a:pt x="119" y="370"/>
                  <a:pt x="119" y="370"/>
                </a:cubicBezTo>
                <a:cubicBezTo>
                  <a:pt x="119" y="377"/>
                  <a:pt x="125" y="383"/>
                  <a:pt x="132" y="383"/>
                </a:cubicBezTo>
                <a:cubicBezTo>
                  <a:pt x="238" y="383"/>
                  <a:pt x="238" y="383"/>
                  <a:pt x="238" y="383"/>
                </a:cubicBezTo>
                <a:cubicBezTo>
                  <a:pt x="238" y="420"/>
                  <a:pt x="238" y="420"/>
                  <a:pt x="238" y="420"/>
                </a:cubicBezTo>
                <a:cubicBezTo>
                  <a:pt x="238" y="421"/>
                  <a:pt x="236" y="422"/>
                  <a:pt x="235" y="422"/>
                </a:cubicBezTo>
                <a:close/>
              </a:path>
            </a:pathLst>
          </a:custGeom>
          <a:solidFill>
            <a:srgbClr val="DAFA87"/>
          </a:solidFill>
          <a:ln>
            <a:noFill/>
          </a:ln>
        </p:spPr>
        <p:txBody>
          <a:bodyPr vert="horz" wrap="square" lIns="91440" tIns="45720" rIns="91440" bIns="45720" numCol="1" anchor="t" anchorCtr="0" compatLnSpc="1">
            <a:prstTxWarp prst="textNoShape">
              <a:avLst/>
            </a:prstTxWarp>
          </a:bodyPr>
          <a:lstStyle/>
          <a:p>
            <a:endParaRPr lang="en-US"/>
          </a:p>
        </p:txBody>
      </p:sp>
      <p:grpSp>
        <p:nvGrpSpPr>
          <p:cNvPr id="290" name="Group 289">
            <a:extLst>
              <a:ext uri="{FF2B5EF4-FFF2-40B4-BE49-F238E27FC236}">
                <a16:creationId xmlns:a16="http://schemas.microsoft.com/office/drawing/2014/main" id="{D32D1429-4CB8-F39A-0101-DAA4E9C59FF6}"/>
              </a:ext>
            </a:extLst>
          </p:cNvPr>
          <p:cNvGrpSpPr/>
          <p:nvPr/>
        </p:nvGrpSpPr>
        <p:grpSpPr>
          <a:xfrm>
            <a:off x="4194143" y="4918521"/>
            <a:ext cx="729237" cy="486855"/>
            <a:chOff x="8728076" y="7412037"/>
            <a:chExt cx="554038" cy="369888"/>
          </a:xfrm>
          <a:solidFill>
            <a:schemeClr val="bg1"/>
          </a:solidFill>
        </p:grpSpPr>
        <p:sp>
          <p:nvSpPr>
            <p:cNvPr id="291" name="Freeform 234">
              <a:extLst>
                <a:ext uri="{FF2B5EF4-FFF2-40B4-BE49-F238E27FC236}">
                  <a16:creationId xmlns:a16="http://schemas.microsoft.com/office/drawing/2014/main" id="{E79F2284-7CE2-C0DC-C90B-11473200C04F}"/>
                </a:ext>
              </a:extLst>
            </p:cNvPr>
            <p:cNvSpPr>
              <a:spLocks noEditPoints="1"/>
            </p:cNvSpPr>
            <p:nvPr/>
          </p:nvSpPr>
          <p:spPr bwMode="auto">
            <a:xfrm>
              <a:off x="8728076" y="7412037"/>
              <a:ext cx="554038" cy="369888"/>
            </a:xfrm>
            <a:custGeom>
              <a:avLst/>
              <a:gdLst>
                <a:gd name="T0" fmla="*/ 423 w 475"/>
                <a:gd name="T1" fmla="*/ 0 h 317"/>
                <a:gd name="T2" fmla="*/ 53 w 475"/>
                <a:gd name="T3" fmla="*/ 0 h 317"/>
                <a:gd name="T4" fmla="*/ 0 w 475"/>
                <a:gd name="T5" fmla="*/ 53 h 317"/>
                <a:gd name="T6" fmla="*/ 0 w 475"/>
                <a:gd name="T7" fmla="*/ 264 h 317"/>
                <a:gd name="T8" fmla="*/ 53 w 475"/>
                <a:gd name="T9" fmla="*/ 317 h 317"/>
                <a:gd name="T10" fmla="*/ 423 w 475"/>
                <a:gd name="T11" fmla="*/ 317 h 317"/>
                <a:gd name="T12" fmla="*/ 475 w 475"/>
                <a:gd name="T13" fmla="*/ 264 h 317"/>
                <a:gd name="T14" fmla="*/ 475 w 475"/>
                <a:gd name="T15" fmla="*/ 53 h 317"/>
                <a:gd name="T16" fmla="*/ 423 w 475"/>
                <a:gd name="T17" fmla="*/ 0 h 317"/>
                <a:gd name="T18" fmla="*/ 449 w 475"/>
                <a:gd name="T19" fmla="*/ 264 h 317"/>
                <a:gd name="T20" fmla="*/ 423 w 475"/>
                <a:gd name="T21" fmla="*/ 291 h 317"/>
                <a:gd name="T22" fmla="*/ 53 w 475"/>
                <a:gd name="T23" fmla="*/ 291 h 317"/>
                <a:gd name="T24" fmla="*/ 27 w 475"/>
                <a:gd name="T25" fmla="*/ 264 h 317"/>
                <a:gd name="T26" fmla="*/ 27 w 475"/>
                <a:gd name="T27" fmla="*/ 53 h 317"/>
                <a:gd name="T28" fmla="*/ 53 w 475"/>
                <a:gd name="T29" fmla="*/ 27 h 317"/>
                <a:gd name="T30" fmla="*/ 423 w 475"/>
                <a:gd name="T31" fmla="*/ 27 h 317"/>
                <a:gd name="T32" fmla="*/ 449 w 475"/>
                <a:gd name="T33" fmla="*/ 53 h 317"/>
                <a:gd name="T34" fmla="*/ 449 w 475"/>
                <a:gd name="T35" fmla="*/ 264 h 3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475" h="317">
                  <a:moveTo>
                    <a:pt x="423" y="0"/>
                  </a:moveTo>
                  <a:cubicBezTo>
                    <a:pt x="53" y="0"/>
                    <a:pt x="53" y="0"/>
                    <a:pt x="53" y="0"/>
                  </a:cubicBezTo>
                  <a:cubicBezTo>
                    <a:pt x="24" y="0"/>
                    <a:pt x="0" y="24"/>
                    <a:pt x="0" y="53"/>
                  </a:cubicBezTo>
                  <a:cubicBezTo>
                    <a:pt x="0" y="264"/>
                    <a:pt x="0" y="264"/>
                    <a:pt x="0" y="264"/>
                  </a:cubicBezTo>
                  <a:cubicBezTo>
                    <a:pt x="0" y="293"/>
                    <a:pt x="24" y="317"/>
                    <a:pt x="53" y="317"/>
                  </a:cubicBezTo>
                  <a:cubicBezTo>
                    <a:pt x="423" y="317"/>
                    <a:pt x="423" y="317"/>
                    <a:pt x="423" y="317"/>
                  </a:cubicBezTo>
                  <a:cubicBezTo>
                    <a:pt x="452" y="317"/>
                    <a:pt x="475" y="293"/>
                    <a:pt x="475" y="264"/>
                  </a:cubicBezTo>
                  <a:cubicBezTo>
                    <a:pt x="475" y="53"/>
                    <a:pt x="475" y="53"/>
                    <a:pt x="475" y="53"/>
                  </a:cubicBezTo>
                  <a:cubicBezTo>
                    <a:pt x="475" y="24"/>
                    <a:pt x="452" y="0"/>
                    <a:pt x="423" y="0"/>
                  </a:cubicBezTo>
                  <a:close/>
                  <a:moveTo>
                    <a:pt x="449" y="264"/>
                  </a:moveTo>
                  <a:cubicBezTo>
                    <a:pt x="449" y="279"/>
                    <a:pt x="437" y="291"/>
                    <a:pt x="423" y="291"/>
                  </a:cubicBezTo>
                  <a:cubicBezTo>
                    <a:pt x="53" y="291"/>
                    <a:pt x="53" y="291"/>
                    <a:pt x="53" y="291"/>
                  </a:cubicBezTo>
                  <a:cubicBezTo>
                    <a:pt x="39" y="291"/>
                    <a:pt x="27" y="279"/>
                    <a:pt x="27" y="264"/>
                  </a:cubicBezTo>
                  <a:cubicBezTo>
                    <a:pt x="27" y="53"/>
                    <a:pt x="27" y="53"/>
                    <a:pt x="27" y="53"/>
                  </a:cubicBezTo>
                  <a:cubicBezTo>
                    <a:pt x="27" y="39"/>
                    <a:pt x="39" y="27"/>
                    <a:pt x="53" y="27"/>
                  </a:cubicBezTo>
                  <a:cubicBezTo>
                    <a:pt x="423" y="27"/>
                    <a:pt x="423" y="27"/>
                    <a:pt x="423" y="27"/>
                  </a:cubicBezTo>
                  <a:cubicBezTo>
                    <a:pt x="437" y="27"/>
                    <a:pt x="449" y="39"/>
                    <a:pt x="449" y="53"/>
                  </a:cubicBezTo>
                  <a:lnTo>
                    <a:pt x="449" y="26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92" name="Freeform 235">
              <a:extLst>
                <a:ext uri="{FF2B5EF4-FFF2-40B4-BE49-F238E27FC236}">
                  <a16:creationId xmlns:a16="http://schemas.microsoft.com/office/drawing/2014/main" id="{E6A21420-661F-4D8D-254C-4D1BE714CB41}"/>
                </a:ext>
              </a:extLst>
            </p:cNvPr>
            <p:cNvSpPr>
              <a:spLocks noEditPoints="1"/>
            </p:cNvSpPr>
            <p:nvPr/>
          </p:nvSpPr>
          <p:spPr bwMode="auto">
            <a:xfrm>
              <a:off x="8789988" y="7473950"/>
              <a:ext cx="153988" cy="153988"/>
            </a:xfrm>
            <a:custGeom>
              <a:avLst/>
              <a:gdLst>
                <a:gd name="T0" fmla="*/ 13 w 132"/>
                <a:gd name="T1" fmla="*/ 132 h 132"/>
                <a:gd name="T2" fmla="*/ 27 w 132"/>
                <a:gd name="T3" fmla="*/ 119 h 132"/>
                <a:gd name="T4" fmla="*/ 66 w 132"/>
                <a:gd name="T5" fmla="*/ 79 h 132"/>
                <a:gd name="T6" fmla="*/ 106 w 132"/>
                <a:gd name="T7" fmla="*/ 119 h 132"/>
                <a:gd name="T8" fmla="*/ 119 w 132"/>
                <a:gd name="T9" fmla="*/ 132 h 132"/>
                <a:gd name="T10" fmla="*/ 132 w 132"/>
                <a:gd name="T11" fmla="*/ 119 h 132"/>
                <a:gd name="T12" fmla="*/ 99 w 132"/>
                <a:gd name="T13" fmla="*/ 62 h 132"/>
                <a:gd name="T14" fmla="*/ 106 w 132"/>
                <a:gd name="T15" fmla="*/ 40 h 132"/>
                <a:gd name="T16" fmla="*/ 66 w 132"/>
                <a:gd name="T17" fmla="*/ 0 h 132"/>
                <a:gd name="T18" fmla="*/ 27 w 132"/>
                <a:gd name="T19" fmla="*/ 40 h 132"/>
                <a:gd name="T20" fmla="*/ 33 w 132"/>
                <a:gd name="T21" fmla="*/ 62 h 132"/>
                <a:gd name="T22" fmla="*/ 0 w 132"/>
                <a:gd name="T23" fmla="*/ 119 h 132"/>
                <a:gd name="T24" fmla="*/ 13 w 132"/>
                <a:gd name="T25" fmla="*/ 132 h 132"/>
                <a:gd name="T26" fmla="*/ 53 w 132"/>
                <a:gd name="T27" fmla="*/ 40 h 132"/>
                <a:gd name="T28" fmla="*/ 66 w 132"/>
                <a:gd name="T29" fmla="*/ 27 h 132"/>
                <a:gd name="T30" fmla="*/ 79 w 132"/>
                <a:gd name="T31" fmla="*/ 40 h 132"/>
                <a:gd name="T32" fmla="*/ 66 w 132"/>
                <a:gd name="T33" fmla="*/ 53 h 132"/>
                <a:gd name="T34" fmla="*/ 53 w 132"/>
                <a:gd name="T35" fmla="*/ 40 h 1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32" h="132">
                  <a:moveTo>
                    <a:pt x="13" y="132"/>
                  </a:moveTo>
                  <a:cubicBezTo>
                    <a:pt x="21" y="132"/>
                    <a:pt x="27" y="126"/>
                    <a:pt x="27" y="119"/>
                  </a:cubicBezTo>
                  <a:cubicBezTo>
                    <a:pt x="27" y="97"/>
                    <a:pt x="44" y="79"/>
                    <a:pt x="66" y="79"/>
                  </a:cubicBezTo>
                  <a:cubicBezTo>
                    <a:pt x="88" y="79"/>
                    <a:pt x="106" y="97"/>
                    <a:pt x="106" y="119"/>
                  </a:cubicBezTo>
                  <a:cubicBezTo>
                    <a:pt x="106" y="126"/>
                    <a:pt x="112" y="132"/>
                    <a:pt x="119" y="132"/>
                  </a:cubicBezTo>
                  <a:cubicBezTo>
                    <a:pt x="126" y="132"/>
                    <a:pt x="132" y="126"/>
                    <a:pt x="132" y="119"/>
                  </a:cubicBezTo>
                  <a:cubicBezTo>
                    <a:pt x="132" y="95"/>
                    <a:pt x="119" y="73"/>
                    <a:pt x="99" y="62"/>
                  </a:cubicBezTo>
                  <a:cubicBezTo>
                    <a:pt x="103" y="56"/>
                    <a:pt x="106" y="48"/>
                    <a:pt x="106" y="40"/>
                  </a:cubicBezTo>
                  <a:cubicBezTo>
                    <a:pt x="106" y="18"/>
                    <a:pt x="88" y="0"/>
                    <a:pt x="66" y="0"/>
                  </a:cubicBezTo>
                  <a:cubicBezTo>
                    <a:pt x="44" y="0"/>
                    <a:pt x="27" y="18"/>
                    <a:pt x="27" y="40"/>
                  </a:cubicBezTo>
                  <a:cubicBezTo>
                    <a:pt x="27" y="48"/>
                    <a:pt x="29" y="56"/>
                    <a:pt x="33" y="62"/>
                  </a:cubicBezTo>
                  <a:cubicBezTo>
                    <a:pt x="14" y="73"/>
                    <a:pt x="0" y="95"/>
                    <a:pt x="0" y="119"/>
                  </a:cubicBezTo>
                  <a:cubicBezTo>
                    <a:pt x="0" y="126"/>
                    <a:pt x="6" y="132"/>
                    <a:pt x="13" y="132"/>
                  </a:cubicBezTo>
                  <a:close/>
                  <a:moveTo>
                    <a:pt x="53" y="40"/>
                  </a:moveTo>
                  <a:cubicBezTo>
                    <a:pt x="53" y="33"/>
                    <a:pt x="59" y="27"/>
                    <a:pt x="66" y="27"/>
                  </a:cubicBezTo>
                  <a:cubicBezTo>
                    <a:pt x="73" y="27"/>
                    <a:pt x="79" y="33"/>
                    <a:pt x="79" y="40"/>
                  </a:cubicBezTo>
                  <a:cubicBezTo>
                    <a:pt x="79" y="47"/>
                    <a:pt x="73" y="53"/>
                    <a:pt x="66" y="53"/>
                  </a:cubicBezTo>
                  <a:cubicBezTo>
                    <a:pt x="59" y="53"/>
                    <a:pt x="53" y="47"/>
                    <a:pt x="53" y="4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93" name="Freeform 236">
              <a:extLst>
                <a:ext uri="{FF2B5EF4-FFF2-40B4-BE49-F238E27FC236}">
                  <a16:creationId xmlns:a16="http://schemas.microsoft.com/office/drawing/2014/main" id="{84FDF172-0ADF-E245-FBD2-8E54638DB01E}"/>
                </a:ext>
              </a:extLst>
            </p:cNvPr>
            <p:cNvSpPr>
              <a:spLocks/>
            </p:cNvSpPr>
            <p:nvPr/>
          </p:nvSpPr>
          <p:spPr bwMode="auto">
            <a:xfrm>
              <a:off x="8789988" y="7659687"/>
              <a:ext cx="431800" cy="30163"/>
            </a:xfrm>
            <a:custGeom>
              <a:avLst/>
              <a:gdLst>
                <a:gd name="T0" fmla="*/ 356 w 370"/>
                <a:gd name="T1" fmla="*/ 0 h 26"/>
                <a:gd name="T2" fmla="*/ 13 w 370"/>
                <a:gd name="T3" fmla="*/ 0 h 26"/>
                <a:gd name="T4" fmla="*/ 0 w 370"/>
                <a:gd name="T5" fmla="*/ 13 h 26"/>
                <a:gd name="T6" fmla="*/ 13 w 370"/>
                <a:gd name="T7" fmla="*/ 26 h 26"/>
                <a:gd name="T8" fmla="*/ 356 w 370"/>
                <a:gd name="T9" fmla="*/ 26 h 26"/>
                <a:gd name="T10" fmla="*/ 370 w 370"/>
                <a:gd name="T11" fmla="*/ 13 h 26"/>
                <a:gd name="T12" fmla="*/ 356 w 370"/>
                <a:gd name="T13" fmla="*/ 0 h 26"/>
              </a:gdLst>
              <a:ahLst/>
              <a:cxnLst>
                <a:cxn ang="0">
                  <a:pos x="T0" y="T1"/>
                </a:cxn>
                <a:cxn ang="0">
                  <a:pos x="T2" y="T3"/>
                </a:cxn>
                <a:cxn ang="0">
                  <a:pos x="T4" y="T5"/>
                </a:cxn>
                <a:cxn ang="0">
                  <a:pos x="T6" y="T7"/>
                </a:cxn>
                <a:cxn ang="0">
                  <a:pos x="T8" y="T9"/>
                </a:cxn>
                <a:cxn ang="0">
                  <a:pos x="T10" y="T11"/>
                </a:cxn>
                <a:cxn ang="0">
                  <a:pos x="T12" y="T13"/>
                </a:cxn>
              </a:cxnLst>
              <a:rect l="0" t="0" r="r" b="b"/>
              <a:pathLst>
                <a:path w="370" h="26">
                  <a:moveTo>
                    <a:pt x="356" y="0"/>
                  </a:moveTo>
                  <a:cubicBezTo>
                    <a:pt x="13" y="0"/>
                    <a:pt x="13" y="0"/>
                    <a:pt x="13" y="0"/>
                  </a:cubicBezTo>
                  <a:cubicBezTo>
                    <a:pt x="6" y="0"/>
                    <a:pt x="0" y="5"/>
                    <a:pt x="0" y="13"/>
                  </a:cubicBezTo>
                  <a:cubicBezTo>
                    <a:pt x="0" y="20"/>
                    <a:pt x="6" y="26"/>
                    <a:pt x="13" y="26"/>
                  </a:cubicBezTo>
                  <a:cubicBezTo>
                    <a:pt x="356" y="26"/>
                    <a:pt x="356" y="26"/>
                    <a:pt x="356" y="26"/>
                  </a:cubicBezTo>
                  <a:cubicBezTo>
                    <a:pt x="364" y="26"/>
                    <a:pt x="370" y="20"/>
                    <a:pt x="370" y="13"/>
                  </a:cubicBezTo>
                  <a:cubicBezTo>
                    <a:pt x="370" y="5"/>
                    <a:pt x="364" y="0"/>
                    <a:pt x="35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94" name="Freeform 237">
              <a:extLst>
                <a:ext uri="{FF2B5EF4-FFF2-40B4-BE49-F238E27FC236}">
                  <a16:creationId xmlns:a16="http://schemas.microsoft.com/office/drawing/2014/main" id="{025B12C0-16AC-9B3C-6FF0-43A091E4CA33}"/>
                </a:ext>
              </a:extLst>
            </p:cNvPr>
            <p:cNvSpPr>
              <a:spLocks/>
            </p:cNvSpPr>
            <p:nvPr/>
          </p:nvSpPr>
          <p:spPr bwMode="auto">
            <a:xfrm>
              <a:off x="8990013" y="7583487"/>
              <a:ext cx="231775" cy="30163"/>
            </a:xfrm>
            <a:custGeom>
              <a:avLst/>
              <a:gdLst>
                <a:gd name="T0" fmla="*/ 184 w 198"/>
                <a:gd name="T1" fmla="*/ 0 h 26"/>
                <a:gd name="T2" fmla="*/ 13 w 198"/>
                <a:gd name="T3" fmla="*/ 0 h 26"/>
                <a:gd name="T4" fmla="*/ 0 w 198"/>
                <a:gd name="T5" fmla="*/ 13 h 26"/>
                <a:gd name="T6" fmla="*/ 13 w 198"/>
                <a:gd name="T7" fmla="*/ 26 h 26"/>
                <a:gd name="T8" fmla="*/ 184 w 198"/>
                <a:gd name="T9" fmla="*/ 26 h 26"/>
                <a:gd name="T10" fmla="*/ 198 w 198"/>
                <a:gd name="T11" fmla="*/ 13 h 26"/>
                <a:gd name="T12" fmla="*/ 184 w 198"/>
                <a:gd name="T13" fmla="*/ 0 h 26"/>
              </a:gdLst>
              <a:ahLst/>
              <a:cxnLst>
                <a:cxn ang="0">
                  <a:pos x="T0" y="T1"/>
                </a:cxn>
                <a:cxn ang="0">
                  <a:pos x="T2" y="T3"/>
                </a:cxn>
                <a:cxn ang="0">
                  <a:pos x="T4" y="T5"/>
                </a:cxn>
                <a:cxn ang="0">
                  <a:pos x="T6" y="T7"/>
                </a:cxn>
                <a:cxn ang="0">
                  <a:pos x="T8" y="T9"/>
                </a:cxn>
                <a:cxn ang="0">
                  <a:pos x="T10" y="T11"/>
                </a:cxn>
                <a:cxn ang="0">
                  <a:pos x="T12" y="T13"/>
                </a:cxn>
              </a:cxnLst>
              <a:rect l="0" t="0" r="r" b="b"/>
              <a:pathLst>
                <a:path w="198" h="26">
                  <a:moveTo>
                    <a:pt x="184" y="0"/>
                  </a:moveTo>
                  <a:cubicBezTo>
                    <a:pt x="13" y="0"/>
                    <a:pt x="13" y="0"/>
                    <a:pt x="13" y="0"/>
                  </a:cubicBezTo>
                  <a:cubicBezTo>
                    <a:pt x="6" y="0"/>
                    <a:pt x="0" y="6"/>
                    <a:pt x="0" y="13"/>
                  </a:cubicBezTo>
                  <a:cubicBezTo>
                    <a:pt x="0" y="20"/>
                    <a:pt x="6" y="26"/>
                    <a:pt x="13" y="26"/>
                  </a:cubicBezTo>
                  <a:cubicBezTo>
                    <a:pt x="184" y="26"/>
                    <a:pt x="184" y="26"/>
                    <a:pt x="184" y="26"/>
                  </a:cubicBezTo>
                  <a:cubicBezTo>
                    <a:pt x="192" y="26"/>
                    <a:pt x="198" y="20"/>
                    <a:pt x="198" y="13"/>
                  </a:cubicBezTo>
                  <a:cubicBezTo>
                    <a:pt x="198" y="6"/>
                    <a:pt x="192" y="0"/>
                    <a:pt x="18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95" name="Freeform 238">
              <a:extLst>
                <a:ext uri="{FF2B5EF4-FFF2-40B4-BE49-F238E27FC236}">
                  <a16:creationId xmlns:a16="http://schemas.microsoft.com/office/drawing/2014/main" id="{A0C1D7C5-F59A-6A88-3A8F-59C3B0AA49C5}"/>
                </a:ext>
              </a:extLst>
            </p:cNvPr>
            <p:cNvSpPr>
              <a:spLocks/>
            </p:cNvSpPr>
            <p:nvPr/>
          </p:nvSpPr>
          <p:spPr bwMode="auto">
            <a:xfrm>
              <a:off x="8990013" y="7505700"/>
              <a:ext cx="231775" cy="30163"/>
            </a:xfrm>
            <a:custGeom>
              <a:avLst/>
              <a:gdLst>
                <a:gd name="T0" fmla="*/ 184 w 198"/>
                <a:gd name="T1" fmla="*/ 0 h 26"/>
                <a:gd name="T2" fmla="*/ 13 w 198"/>
                <a:gd name="T3" fmla="*/ 0 h 26"/>
                <a:gd name="T4" fmla="*/ 0 w 198"/>
                <a:gd name="T5" fmla="*/ 13 h 26"/>
                <a:gd name="T6" fmla="*/ 13 w 198"/>
                <a:gd name="T7" fmla="*/ 26 h 26"/>
                <a:gd name="T8" fmla="*/ 184 w 198"/>
                <a:gd name="T9" fmla="*/ 26 h 26"/>
                <a:gd name="T10" fmla="*/ 198 w 198"/>
                <a:gd name="T11" fmla="*/ 13 h 26"/>
                <a:gd name="T12" fmla="*/ 184 w 198"/>
                <a:gd name="T13" fmla="*/ 0 h 26"/>
              </a:gdLst>
              <a:ahLst/>
              <a:cxnLst>
                <a:cxn ang="0">
                  <a:pos x="T0" y="T1"/>
                </a:cxn>
                <a:cxn ang="0">
                  <a:pos x="T2" y="T3"/>
                </a:cxn>
                <a:cxn ang="0">
                  <a:pos x="T4" y="T5"/>
                </a:cxn>
                <a:cxn ang="0">
                  <a:pos x="T6" y="T7"/>
                </a:cxn>
                <a:cxn ang="0">
                  <a:pos x="T8" y="T9"/>
                </a:cxn>
                <a:cxn ang="0">
                  <a:pos x="T10" y="T11"/>
                </a:cxn>
                <a:cxn ang="0">
                  <a:pos x="T12" y="T13"/>
                </a:cxn>
              </a:cxnLst>
              <a:rect l="0" t="0" r="r" b="b"/>
              <a:pathLst>
                <a:path w="198" h="26">
                  <a:moveTo>
                    <a:pt x="184" y="0"/>
                  </a:moveTo>
                  <a:cubicBezTo>
                    <a:pt x="13" y="0"/>
                    <a:pt x="13" y="0"/>
                    <a:pt x="13" y="0"/>
                  </a:cubicBezTo>
                  <a:cubicBezTo>
                    <a:pt x="6" y="0"/>
                    <a:pt x="0" y="6"/>
                    <a:pt x="0" y="13"/>
                  </a:cubicBezTo>
                  <a:cubicBezTo>
                    <a:pt x="0" y="20"/>
                    <a:pt x="6" y="26"/>
                    <a:pt x="13" y="26"/>
                  </a:cubicBezTo>
                  <a:cubicBezTo>
                    <a:pt x="184" y="26"/>
                    <a:pt x="184" y="26"/>
                    <a:pt x="184" y="26"/>
                  </a:cubicBezTo>
                  <a:cubicBezTo>
                    <a:pt x="192" y="26"/>
                    <a:pt x="198" y="20"/>
                    <a:pt x="198" y="13"/>
                  </a:cubicBezTo>
                  <a:cubicBezTo>
                    <a:pt x="198" y="6"/>
                    <a:pt x="192" y="0"/>
                    <a:pt x="184"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
        <p:nvSpPr>
          <p:cNvPr id="296" name="Freeform 187">
            <a:extLst>
              <a:ext uri="{FF2B5EF4-FFF2-40B4-BE49-F238E27FC236}">
                <a16:creationId xmlns:a16="http://schemas.microsoft.com/office/drawing/2014/main" id="{2EB05D27-67B6-194F-B90A-F9C983F1DCFC}"/>
              </a:ext>
            </a:extLst>
          </p:cNvPr>
          <p:cNvSpPr>
            <a:spLocks noEditPoints="1"/>
          </p:cNvSpPr>
          <p:nvPr/>
        </p:nvSpPr>
        <p:spPr bwMode="auto">
          <a:xfrm>
            <a:off x="4663002" y="2895600"/>
            <a:ext cx="333230" cy="314134"/>
          </a:xfrm>
          <a:custGeom>
            <a:avLst/>
            <a:gdLst>
              <a:gd name="T0" fmla="*/ 462 w 475"/>
              <a:gd name="T1" fmla="*/ 422 h 448"/>
              <a:gd name="T2" fmla="*/ 435 w 475"/>
              <a:gd name="T3" fmla="*/ 422 h 448"/>
              <a:gd name="T4" fmla="*/ 435 w 475"/>
              <a:gd name="T5" fmla="*/ 237 h 448"/>
              <a:gd name="T6" fmla="*/ 462 w 475"/>
              <a:gd name="T7" fmla="*/ 237 h 448"/>
              <a:gd name="T8" fmla="*/ 475 w 475"/>
              <a:gd name="T9" fmla="*/ 224 h 448"/>
              <a:gd name="T10" fmla="*/ 462 w 475"/>
              <a:gd name="T11" fmla="*/ 211 h 448"/>
              <a:gd name="T12" fmla="*/ 435 w 475"/>
              <a:gd name="T13" fmla="*/ 211 h 448"/>
              <a:gd name="T14" fmla="*/ 251 w 475"/>
              <a:gd name="T15" fmla="*/ 26 h 448"/>
              <a:gd name="T16" fmla="*/ 251 w 475"/>
              <a:gd name="T17" fmla="*/ 13 h 448"/>
              <a:gd name="T18" fmla="*/ 238 w 475"/>
              <a:gd name="T19" fmla="*/ 0 h 448"/>
              <a:gd name="T20" fmla="*/ 224 w 475"/>
              <a:gd name="T21" fmla="*/ 13 h 448"/>
              <a:gd name="T22" fmla="*/ 224 w 475"/>
              <a:gd name="T23" fmla="*/ 26 h 448"/>
              <a:gd name="T24" fmla="*/ 40 w 475"/>
              <a:gd name="T25" fmla="*/ 211 h 448"/>
              <a:gd name="T26" fmla="*/ 13 w 475"/>
              <a:gd name="T27" fmla="*/ 211 h 448"/>
              <a:gd name="T28" fmla="*/ 0 w 475"/>
              <a:gd name="T29" fmla="*/ 224 h 448"/>
              <a:gd name="T30" fmla="*/ 13 w 475"/>
              <a:gd name="T31" fmla="*/ 237 h 448"/>
              <a:gd name="T32" fmla="*/ 40 w 475"/>
              <a:gd name="T33" fmla="*/ 237 h 448"/>
              <a:gd name="T34" fmla="*/ 40 w 475"/>
              <a:gd name="T35" fmla="*/ 422 h 448"/>
              <a:gd name="T36" fmla="*/ 13 w 475"/>
              <a:gd name="T37" fmla="*/ 422 h 448"/>
              <a:gd name="T38" fmla="*/ 0 w 475"/>
              <a:gd name="T39" fmla="*/ 435 h 448"/>
              <a:gd name="T40" fmla="*/ 13 w 475"/>
              <a:gd name="T41" fmla="*/ 448 h 448"/>
              <a:gd name="T42" fmla="*/ 53 w 475"/>
              <a:gd name="T43" fmla="*/ 448 h 448"/>
              <a:gd name="T44" fmla="*/ 422 w 475"/>
              <a:gd name="T45" fmla="*/ 448 h 448"/>
              <a:gd name="T46" fmla="*/ 462 w 475"/>
              <a:gd name="T47" fmla="*/ 448 h 448"/>
              <a:gd name="T48" fmla="*/ 475 w 475"/>
              <a:gd name="T49" fmla="*/ 435 h 448"/>
              <a:gd name="T50" fmla="*/ 462 w 475"/>
              <a:gd name="T51" fmla="*/ 422 h 448"/>
              <a:gd name="T52" fmla="*/ 238 w 475"/>
              <a:gd name="T53" fmla="*/ 52 h 448"/>
              <a:gd name="T54" fmla="*/ 409 w 475"/>
              <a:gd name="T55" fmla="*/ 211 h 448"/>
              <a:gd name="T56" fmla="*/ 67 w 475"/>
              <a:gd name="T57" fmla="*/ 211 h 448"/>
              <a:gd name="T58" fmla="*/ 238 w 475"/>
              <a:gd name="T59" fmla="*/ 52 h 448"/>
              <a:gd name="T60" fmla="*/ 132 w 475"/>
              <a:gd name="T61" fmla="*/ 422 h 448"/>
              <a:gd name="T62" fmla="*/ 66 w 475"/>
              <a:gd name="T63" fmla="*/ 422 h 448"/>
              <a:gd name="T64" fmla="*/ 66 w 475"/>
              <a:gd name="T65" fmla="*/ 237 h 448"/>
              <a:gd name="T66" fmla="*/ 132 w 475"/>
              <a:gd name="T67" fmla="*/ 237 h 448"/>
              <a:gd name="T68" fmla="*/ 132 w 475"/>
              <a:gd name="T69" fmla="*/ 422 h 448"/>
              <a:gd name="T70" fmla="*/ 224 w 475"/>
              <a:gd name="T71" fmla="*/ 422 h 448"/>
              <a:gd name="T72" fmla="*/ 158 w 475"/>
              <a:gd name="T73" fmla="*/ 422 h 448"/>
              <a:gd name="T74" fmla="*/ 158 w 475"/>
              <a:gd name="T75" fmla="*/ 237 h 448"/>
              <a:gd name="T76" fmla="*/ 224 w 475"/>
              <a:gd name="T77" fmla="*/ 237 h 448"/>
              <a:gd name="T78" fmla="*/ 224 w 475"/>
              <a:gd name="T79" fmla="*/ 422 h 448"/>
              <a:gd name="T80" fmla="*/ 317 w 475"/>
              <a:gd name="T81" fmla="*/ 422 h 448"/>
              <a:gd name="T82" fmla="*/ 251 w 475"/>
              <a:gd name="T83" fmla="*/ 422 h 448"/>
              <a:gd name="T84" fmla="*/ 251 w 475"/>
              <a:gd name="T85" fmla="*/ 237 h 448"/>
              <a:gd name="T86" fmla="*/ 317 w 475"/>
              <a:gd name="T87" fmla="*/ 237 h 448"/>
              <a:gd name="T88" fmla="*/ 317 w 475"/>
              <a:gd name="T89" fmla="*/ 422 h 448"/>
              <a:gd name="T90" fmla="*/ 409 w 475"/>
              <a:gd name="T91" fmla="*/ 422 h 448"/>
              <a:gd name="T92" fmla="*/ 343 w 475"/>
              <a:gd name="T93" fmla="*/ 422 h 448"/>
              <a:gd name="T94" fmla="*/ 343 w 475"/>
              <a:gd name="T95" fmla="*/ 237 h 448"/>
              <a:gd name="T96" fmla="*/ 409 w 475"/>
              <a:gd name="T97" fmla="*/ 237 h 448"/>
              <a:gd name="T98" fmla="*/ 409 w 475"/>
              <a:gd name="T99" fmla="*/ 422 h 4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475" h="448">
                <a:moveTo>
                  <a:pt x="462" y="422"/>
                </a:moveTo>
                <a:cubicBezTo>
                  <a:pt x="435" y="422"/>
                  <a:pt x="435" y="422"/>
                  <a:pt x="435" y="422"/>
                </a:cubicBezTo>
                <a:cubicBezTo>
                  <a:pt x="435" y="237"/>
                  <a:pt x="435" y="237"/>
                  <a:pt x="435" y="237"/>
                </a:cubicBezTo>
                <a:cubicBezTo>
                  <a:pt x="462" y="237"/>
                  <a:pt x="462" y="237"/>
                  <a:pt x="462" y="237"/>
                </a:cubicBezTo>
                <a:cubicBezTo>
                  <a:pt x="469" y="237"/>
                  <a:pt x="475" y="231"/>
                  <a:pt x="475" y="224"/>
                </a:cubicBezTo>
                <a:cubicBezTo>
                  <a:pt x="475" y="217"/>
                  <a:pt x="469" y="211"/>
                  <a:pt x="462" y="211"/>
                </a:cubicBezTo>
                <a:cubicBezTo>
                  <a:pt x="435" y="211"/>
                  <a:pt x="435" y="211"/>
                  <a:pt x="435" y="211"/>
                </a:cubicBezTo>
                <a:cubicBezTo>
                  <a:pt x="428" y="112"/>
                  <a:pt x="349" y="33"/>
                  <a:pt x="251" y="26"/>
                </a:cubicBezTo>
                <a:cubicBezTo>
                  <a:pt x="251" y="13"/>
                  <a:pt x="251" y="13"/>
                  <a:pt x="251" y="13"/>
                </a:cubicBezTo>
                <a:cubicBezTo>
                  <a:pt x="251" y="5"/>
                  <a:pt x="245" y="0"/>
                  <a:pt x="238" y="0"/>
                </a:cubicBezTo>
                <a:cubicBezTo>
                  <a:pt x="230" y="0"/>
                  <a:pt x="224" y="5"/>
                  <a:pt x="224" y="13"/>
                </a:cubicBezTo>
                <a:cubicBezTo>
                  <a:pt x="224" y="26"/>
                  <a:pt x="224" y="26"/>
                  <a:pt x="224" y="26"/>
                </a:cubicBezTo>
                <a:cubicBezTo>
                  <a:pt x="126" y="33"/>
                  <a:pt x="47" y="112"/>
                  <a:pt x="40" y="211"/>
                </a:cubicBezTo>
                <a:cubicBezTo>
                  <a:pt x="13" y="211"/>
                  <a:pt x="13" y="211"/>
                  <a:pt x="13" y="211"/>
                </a:cubicBezTo>
                <a:cubicBezTo>
                  <a:pt x="6" y="211"/>
                  <a:pt x="0" y="217"/>
                  <a:pt x="0" y="224"/>
                </a:cubicBezTo>
                <a:cubicBezTo>
                  <a:pt x="0" y="231"/>
                  <a:pt x="6" y="237"/>
                  <a:pt x="13" y="237"/>
                </a:cubicBezTo>
                <a:cubicBezTo>
                  <a:pt x="40" y="237"/>
                  <a:pt x="40" y="237"/>
                  <a:pt x="40" y="237"/>
                </a:cubicBezTo>
                <a:cubicBezTo>
                  <a:pt x="40" y="422"/>
                  <a:pt x="40" y="422"/>
                  <a:pt x="40" y="422"/>
                </a:cubicBezTo>
                <a:cubicBezTo>
                  <a:pt x="13" y="422"/>
                  <a:pt x="13" y="422"/>
                  <a:pt x="13" y="422"/>
                </a:cubicBezTo>
                <a:cubicBezTo>
                  <a:pt x="6" y="422"/>
                  <a:pt x="0" y="428"/>
                  <a:pt x="0" y="435"/>
                </a:cubicBezTo>
                <a:cubicBezTo>
                  <a:pt x="0" y="442"/>
                  <a:pt x="6" y="448"/>
                  <a:pt x="13" y="448"/>
                </a:cubicBezTo>
                <a:cubicBezTo>
                  <a:pt x="53" y="448"/>
                  <a:pt x="53" y="448"/>
                  <a:pt x="53" y="448"/>
                </a:cubicBezTo>
                <a:cubicBezTo>
                  <a:pt x="422" y="448"/>
                  <a:pt x="422" y="448"/>
                  <a:pt x="422" y="448"/>
                </a:cubicBezTo>
                <a:cubicBezTo>
                  <a:pt x="462" y="448"/>
                  <a:pt x="462" y="448"/>
                  <a:pt x="462" y="448"/>
                </a:cubicBezTo>
                <a:cubicBezTo>
                  <a:pt x="469" y="448"/>
                  <a:pt x="475" y="442"/>
                  <a:pt x="475" y="435"/>
                </a:cubicBezTo>
                <a:cubicBezTo>
                  <a:pt x="475" y="428"/>
                  <a:pt x="469" y="422"/>
                  <a:pt x="462" y="422"/>
                </a:cubicBezTo>
                <a:close/>
                <a:moveTo>
                  <a:pt x="238" y="52"/>
                </a:moveTo>
                <a:cubicBezTo>
                  <a:pt x="328" y="52"/>
                  <a:pt x="402" y="122"/>
                  <a:pt x="409" y="211"/>
                </a:cubicBezTo>
                <a:cubicBezTo>
                  <a:pt x="67" y="211"/>
                  <a:pt x="67" y="211"/>
                  <a:pt x="67" y="211"/>
                </a:cubicBezTo>
                <a:cubicBezTo>
                  <a:pt x="73" y="122"/>
                  <a:pt x="147" y="52"/>
                  <a:pt x="238" y="52"/>
                </a:cubicBezTo>
                <a:close/>
                <a:moveTo>
                  <a:pt x="132" y="422"/>
                </a:moveTo>
                <a:cubicBezTo>
                  <a:pt x="66" y="422"/>
                  <a:pt x="66" y="422"/>
                  <a:pt x="66" y="422"/>
                </a:cubicBezTo>
                <a:cubicBezTo>
                  <a:pt x="66" y="237"/>
                  <a:pt x="66" y="237"/>
                  <a:pt x="66" y="237"/>
                </a:cubicBezTo>
                <a:cubicBezTo>
                  <a:pt x="132" y="237"/>
                  <a:pt x="132" y="237"/>
                  <a:pt x="132" y="237"/>
                </a:cubicBezTo>
                <a:lnTo>
                  <a:pt x="132" y="422"/>
                </a:lnTo>
                <a:close/>
                <a:moveTo>
                  <a:pt x="224" y="422"/>
                </a:moveTo>
                <a:cubicBezTo>
                  <a:pt x="158" y="422"/>
                  <a:pt x="158" y="422"/>
                  <a:pt x="158" y="422"/>
                </a:cubicBezTo>
                <a:cubicBezTo>
                  <a:pt x="158" y="237"/>
                  <a:pt x="158" y="237"/>
                  <a:pt x="158" y="237"/>
                </a:cubicBezTo>
                <a:cubicBezTo>
                  <a:pt x="224" y="237"/>
                  <a:pt x="224" y="237"/>
                  <a:pt x="224" y="237"/>
                </a:cubicBezTo>
                <a:lnTo>
                  <a:pt x="224" y="422"/>
                </a:lnTo>
                <a:close/>
                <a:moveTo>
                  <a:pt x="317" y="422"/>
                </a:moveTo>
                <a:cubicBezTo>
                  <a:pt x="251" y="422"/>
                  <a:pt x="251" y="422"/>
                  <a:pt x="251" y="422"/>
                </a:cubicBezTo>
                <a:cubicBezTo>
                  <a:pt x="251" y="237"/>
                  <a:pt x="251" y="237"/>
                  <a:pt x="251" y="237"/>
                </a:cubicBezTo>
                <a:cubicBezTo>
                  <a:pt x="317" y="237"/>
                  <a:pt x="317" y="237"/>
                  <a:pt x="317" y="237"/>
                </a:cubicBezTo>
                <a:lnTo>
                  <a:pt x="317" y="422"/>
                </a:lnTo>
                <a:close/>
                <a:moveTo>
                  <a:pt x="409" y="422"/>
                </a:moveTo>
                <a:cubicBezTo>
                  <a:pt x="343" y="422"/>
                  <a:pt x="343" y="422"/>
                  <a:pt x="343" y="422"/>
                </a:cubicBezTo>
                <a:cubicBezTo>
                  <a:pt x="343" y="237"/>
                  <a:pt x="343" y="237"/>
                  <a:pt x="343" y="237"/>
                </a:cubicBezTo>
                <a:cubicBezTo>
                  <a:pt x="409" y="237"/>
                  <a:pt x="409" y="237"/>
                  <a:pt x="409" y="237"/>
                </a:cubicBezTo>
                <a:lnTo>
                  <a:pt x="409" y="422"/>
                </a:ln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p>
        </p:txBody>
      </p:sp>
      <p:grpSp>
        <p:nvGrpSpPr>
          <p:cNvPr id="297" name="Group 296">
            <a:extLst>
              <a:ext uri="{FF2B5EF4-FFF2-40B4-BE49-F238E27FC236}">
                <a16:creationId xmlns:a16="http://schemas.microsoft.com/office/drawing/2014/main" id="{55300735-88CB-C561-7E43-99BF2ECFFAD4}"/>
              </a:ext>
            </a:extLst>
          </p:cNvPr>
          <p:cNvGrpSpPr/>
          <p:nvPr/>
        </p:nvGrpSpPr>
        <p:grpSpPr>
          <a:xfrm>
            <a:off x="4140839" y="1664970"/>
            <a:ext cx="263983" cy="395408"/>
            <a:chOff x="4871722" y="-473006"/>
            <a:chExt cx="369888" cy="554038"/>
          </a:xfrm>
          <a:solidFill>
            <a:schemeClr val="accent1"/>
          </a:solidFill>
        </p:grpSpPr>
        <p:sp>
          <p:nvSpPr>
            <p:cNvPr id="298" name="Freeform 228">
              <a:extLst>
                <a:ext uri="{FF2B5EF4-FFF2-40B4-BE49-F238E27FC236}">
                  <a16:creationId xmlns:a16="http://schemas.microsoft.com/office/drawing/2014/main" id="{9B966C68-EBAF-4F86-E75E-A017C808AF2D}"/>
                </a:ext>
              </a:extLst>
            </p:cNvPr>
            <p:cNvSpPr>
              <a:spLocks noEditPoints="1"/>
            </p:cNvSpPr>
            <p:nvPr/>
          </p:nvSpPr>
          <p:spPr bwMode="auto">
            <a:xfrm>
              <a:off x="4871722" y="-473006"/>
              <a:ext cx="369888" cy="554038"/>
            </a:xfrm>
            <a:custGeom>
              <a:avLst/>
              <a:gdLst>
                <a:gd name="T0" fmla="*/ 290 w 316"/>
                <a:gd name="T1" fmla="*/ 26 h 475"/>
                <a:gd name="T2" fmla="*/ 237 w 316"/>
                <a:gd name="T3" fmla="*/ 26 h 475"/>
                <a:gd name="T4" fmla="*/ 237 w 316"/>
                <a:gd name="T5" fmla="*/ 26 h 475"/>
                <a:gd name="T6" fmla="*/ 211 w 316"/>
                <a:gd name="T7" fmla="*/ 0 h 475"/>
                <a:gd name="T8" fmla="*/ 105 w 316"/>
                <a:gd name="T9" fmla="*/ 0 h 475"/>
                <a:gd name="T10" fmla="*/ 79 w 316"/>
                <a:gd name="T11" fmla="*/ 26 h 475"/>
                <a:gd name="T12" fmla="*/ 79 w 316"/>
                <a:gd name="T13" fmla="*/ 26 h 475"/>
                <a:gd name="T14" fmla="*/ 26 w 316"/>
                <a:gd name="T15" fmla="*/ 26 h 475"/>
                <a:gd name="T16" fmla="*/ 0 w 316"/>
                <a:gd name="T17" fmla="*/ 53 h 475"/>
                <a:gd name="T18" fmla="*/ 0 w 316"/>
                <a:gd name="T19" fmla="*/ 449 h 475"/>
                <a:gd name="T20" fmla="*/ 26 w 316"/>
                <a:gd name="T21" fmla="*/ 475 h 475"/>
                <a:gd name="T22" fmla="*/ 290 w 316"/>
                <a:gd name="T23" fmla="*/ 475 h 475"/>
                <a:gd name="T24" fmla="*/ 316 w 316"/>
                <a:gd name="T25" fmla="*/ 449 h 475"/>
                <a:gd name="T26" fmla="*/ 316 w 316"/>
                <a:gd name="T27" fmla="*/ 53 h 475"/>
                <a:gd name="T28" fmla="*/ 290 w 316"/>
                <a:gd name="T29" fmla="*/ 26 h 475"/>
                <a:gd name="T30" fmla="*/ 211 w 316"/>
                <a:gd name="T31" fmla="*/ 26 h 475"/>
                <a:gd name="T32" fmla="*/ 211 w 316"/>
                <a:gd name="T33" fmla="*/ 79 h 475"/>
                <a:gd name="T34" fmla="*/ 105 w 316"/>
                <a:gd name="T35" fmla="*/ 79 h 475"/>
                <a:gd name="T36" fmla="*/ 105 w 316"/>
                <a:gd name="T37" fmla="*/ 42 h 475"/>
                <a:gd name="T38" fmla="*/ 105 w 316"/>
                <a:gd name="T39" fmla="*/ 40 h 475"/>
                <a:gd name="T40" fmla="*/ 105 w 316"/>
                <a:gd name="T41" fmla="*/ 36 h 475"/>
                <a:gd name="T42" fmla="*/ 105 w 316"/>
                <a:gd name="T43" fmla="*/ 26 h 475"/>
                <a:gd name="T44" fmla="*/ 211 w 316"/>
                <a:gd name="T45" fmla="*/ 26 h 475"/>
                <a:gd name="T46" fmla="*/ 290 w 316"/>
                <a:gd name="T47" fmla="*/ 449 h 475"/>
                <a:gd name="T48" fmla="*/ 26 w 316"/>
                <a:gd name="T49" fmla="*/ 449 h 475"/>
                <a:gd name="T50" fmla="*/ 26 w 316"/>
                <a:gd name="T51" fmla="*/ 53 h 475"/>
                <a:gd name="T52" fmla="*/ 79 w 316"/>
                <a:gd name="T53" fmla="*/ 53 h 475"/>
                <a:gd name="T54" fmla="*/ 79 w 316"/>
                <a:gd name="T55" fmla="*/ 92 h 475"/>
                <a:gd name="T56" fmla="*/ 92 w 316"/>
                <a:gd name="T57" fmla="*/ 106 h 475"/>
                <a:gd name="T58" fmla="*/ 224 w 316"/>
                <a:gd name="T59" fmla="*/ 106 h 475"/>
                <a:gd name="T60" fmla="*/ 237 w 316"/>
                <a:gd name="T61" fmla="*/ 92 h 475"/>
                <a:gd name="T62" fmla="*/ 237 w 316"/>
                <a:gd name="T63" fmla="*/ 53 h 475"/>
                <a:gd name="T64" fmla="*/ 290 w 316"/>
                <a:gd name="T65" fmla="*/ 53 h 475"/>
                <a:gd name="T66" fmla="*/ 290 w 316"/>
                <a:gd name="T67" fmla="*/ 449 h 4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316" h="475">
                  <a:moveTo>
                    <a:pt x="290" y="26"/>
                  </a:moveTo>
                  <a:cubicBezTo>
                    <a:pt x="237" y="26"/>
                    <a:pt x="237" y="26"/>
                    <a:pt x="237" y="26"/>
                  </a:cubicBezTo>
                  <a:cubicBezTo>
                    <a:pt x="237" y="26"/>
                    <a:pt x="237" y="26"/>
                    <a:pt x="237" y="26"/>
                  </a:cubicBezTo>
                  <a:cubicBezTo>
                    <a:pt x="237" y="12"/>
                    <a:pt x="226" y="0"/>
                    <a:pt x="211" y="0"/>
                  </a:cubicBezTo>
                  <a:cubicBezTo>
                    <a:pt x="105" y="0"/>
                    <a:pt x="105" y="0"/>
                    <a:pt x="105" y="0"/>
                  </a:cubicBezTo>
                  <a:cubicBezTo>
                    <a:pt x="90" y="0"/>
                    <a:pt x="79" y="12"/>
                    <a:pt x="79" y="26"/>
                  </a:cubicBezTo>
                  <a:cubicBezTo>
                    <a:pt x="79" y="26"/>
                    <a:pt x="79" y="26"/>
                    <a:pt x="79" y="26"/>
                  </a:cubicBezTo>
                  <a:cubicBezTo>
                    <a:pt x="26" y="26"/>
                    <a:pt x="26" y="26"/>
                    <a:pt x="26" y="26"/>
                  </a:cubicBezTo>
                  <a:cubicBezTo>
                    <a:pt x="12" y="26"/>
                    <a:pt x="0" y="38"/>
                    <a:pt x="0" y="53"/>
                  </a:cubicBezTo>
                  <a:cubicBezTo>
                    <a:pt x="0" y="449"/>
                    <a:pt x="0" y="449"/>
                    <a:pt x="0" y="449"/>
                  </a:cubicBezTo>
                  <a:cubicBezTo>
                    <a:pt x="0" y="463"/>
                    <a:pt x="12" y="475"/>
                    <a:pt x="26" y="475"/>
                  </a:cubicBezTo>
                  <a:cubicBezTo>
                    <a:pt x="290" y="475"/>
                    <a:pt x="290" y="475"/>
                    <a:pt x="290" y="475"/>
                  </a:cubicBezTo>
                  <a:cubicBezTo>
                    <a:pt x="304" y="475"/>
                    <a:pt x="316" y="463"/>
                    <a:pt x="316" y="449"/>
                  </a:cubicBezTo>
                  <a:cubicBezTo>
                    <a:pt x="316" y="53"/>
                    <a:pt x="316" y="53"/>
                    <a:pt x="316" y="53"/>
                  </a:cubicBezTo>
                  <a:cubicBezTo>
                    <a:pt x="316" y="38"/>
                    <a:pt x="304" y="26"/>
                    <a:pt x="290" y="26"/>
                  </a:cubicBezTo>
                  <a:close/>
                  <a:moveTo>
                    <a:pt x="211" y="26"/>
                  </a:moveTo>
                  <a:cubicBezTo>
                    <a:pt x="211" y="79"/>
                    <a:pt x="211" y="79"/>
                    <a:pt x="211" y="79"/>
                  </a:cubicBezTo>
                  <a:cubicBezTo>
                    <a:pt x="105" y="79"/>
                    <a:pt x="105" y="79"/>
                    <a:pt x="105" y="79"/>
                  </a:cubicBezTo>
                  <a:cubicBezTo>
                    <a:pt x="105" y="42"/>
                    <a:pt x="105" y="42"/>
                    <a:pt x="105" y="42"/>
                  </a:cubicBezTo>
                  <a:cubicBezTo>
                    <a:pt x="105" y="42"/>
                    <a:pt x="105" y="41"/>
                    <a:pt x="105" y="40"/>
                  </a:cubicBezTo>
                  <a:cubicBezTo>
                    <a:pt x="105" y="38"/>
                    <a:pt x="105" y="37"/>
                    <a:pt x="105" y="36"/>
                  </a:cubicBezTo>
                  <a:cubicBezTo>
                    <a:pt x="105" y="26"/>
                    <a:pt x="105" y="26"/>
                    <a:pt x="105" y="26"/>
                  </a:cubicBezTo>
                  <a:lnTo>
                    <a:pt x="211" y="26"/>
                  </a:lnTo>
                  <a:close/>
                  <a:moveTo>
                    <a:pt x="290" y="449"/>
                  </a:moveTo>
                  <a:cubicBezTo>
                    <a:pt x="26" y="449"/>
                    <a:pt x="26" y="449"/>
                    <a:pt x="26" y="449"/>
                  </a:cubicBezTo>
                  <a:cubicBezTo>
                    <a:pt x="26" y="53"/>
                    <a:pt x="26" y="53"/>
                    <a:pt x="26" y="53"/>
                  </a:cubicBezTo>
                  <a:cubicBezTo>
                    <a:pt x="79" y="53"/>
                    <a:pt x="79" y="53"/>
                    <a:pt x="79" y="53"/>
                  </a:cubicBezTo>
                  <a:cubicBezTo>
                    <a:pt x="79" y="92"/>
                    <a:pt x="79" y="92"/>
                    <a:pt x="79" y="92"/>
                  </a:cubicBezTo>
                  <a:cubicBezTo>
                    <a:pt x="79" y="100"/>
                    <a:pt x="85" y="106"/>
                    <a:pt x="92" y="106"/>
                  </a:cubicBezTo>
                  <a:cubicBezTo>
                    <a:pt x="224" y="106"/>
                    <a:pt x="224" y="106"/>
                    <a:pt x="224" y="106"/>
                  </a:cubicBezTo>
                  <a:cubicBezTo>
                    <a:pt x="231" y="106"/>
                    <a:pt x="237" y="100"/>
                    <a:pt x="237" y="92"/>
                  </a:cubicBezTo>
                  <a:cubicBezTo>
                    <a:pt x="237" y="53"/>
                    <a:pt x="237" y="53"/>
                    <a:pt x="237" y="53"/>
                  </a:cubicBezTo>
                  <a:cubicBezTo>
                    <a:pt x="290" y="53"/>
                    <a:pt x="290" y="53"/>
                    <a:pt x="290" y="53"/>
                  </a:cubicBezTo>
                  <a:lnTo>
                    <a:pt x="290" y="44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299" name="Freeform 292">
              <a:extLst>
                <a:ext uri="{FF2B5EF4-FFF2-40B4-BE49-F238E27FC236}">
                  <a16:creationId xmlns:a16="http://schemas.microsoft.com/office/drawing/2014/main" id="{055F804F-DBAC-6D0B-735C-30A16660F6A3}"/>
                </a:ext>
              </a:extLst>
            </p:cNvPr>
            <p:cNvSpPr>
              <a:spLocks noEditPoints="1"/>
            </p:cNvSpPr>
            <p:nvPr/>
          </p:nvSpPr>
          <p:spPr bwMode="auto">
            <a:xfrm>
              <a:off x="4945541" y="-276761"/>
              <a:ext cx="222250" cy="217488"/>
            </a:xfrm>
            <a:custGeom>
              <a:avLst/>
              <a:gdLst>
                <a:gd name="T0" fmla="*/ 20 w 191"/>
                <a:gd name="T1" fmla="*/ 171 h 186"/>
                <a:gd name="T2" fmla="*/ 57 w 191"/>
                <a:gd name="T3" fmla="*/ 186 h 186"/>
                <a:gd name="T4" fmla="*/ 93 w 191"/>
                <a:gd name="T5" fmla="*/ 171 h 186"/>
                <a:gd name="T6" fmla="*/ 171 w 191"/>
                <a:gd name="T7" fmla="*/ 93 h 186"/>
                <a:gd name="T8" fmla="*/ 171 w 191"/>
                <a:gd name="T9" fmla="*/ 20 h 186"/>
                <a:gd name="T10" fmla="*/ 98 w 191"/>
                <a:gd name="T11" fmla="*/ 20 h 186"/>
                <a:gd name="T12" fmla="*/ 59 w 191"/>
                <a:gd name="T13" fmla="*/ 59 h 186"/>
                <a:gd name="T14" fmla="*/ 59 w 191"/>
                <a:gd name="T15" fmla="*/ 59 h 186"/>
                <a:gd name="T16" fmla="*/ 59 w 191"/>
                <a:gd name="T17" fmla="*/ 59 h 186"/>
                <a:gd name="T18" fmla="*/ 20 w 191"/>
                <a:gd name="T19" fmla="*/ 98 h 186"/>
                <a:gd name="T20" fmla="*/ 20 w 191"/>
                <a:gd name="T21" fmla="*/ 171 h 186"/>
                <a:gd name="T22" fmla="*/ 20 w 191"/>
                <a:gd name="T23" fmla="*/ 171 h 186"/>
                <a:gd name="T24" fmla="*/ 117 w 191"/>
                <a:gd name="T25" fmla="*/ 39 h 186"/>
                <a:gd name="T26" fmla="*/ 152 w 191"/>
                <a:gd name="T27" fmla="*/ 39 h 186"/>
                <a:gd name="T28" fmla="*/ 152 w 191"/>
                <a:gd name="T29" fmla="*/ 75 h 186"/>
                <a:gd name="T30" fmla="*/ 123 w 191"/>
                <a:gd name="T31" fmla="*/ 104 h 186"/>
                <a:gd name="T32" fmla="*/ 87 w 191"/>
                <a:gd name="T33" fmla="*/ 69 h 186"/>
                <a:gd name="T34" fmla="*/ 117 w 191"/>
                <a:gd name="T35" fmla="*/ 39 h 186"/>
                <a:gd name="T36" fmla="*/ 39 w 191"/>
                <a:gd name="T37" fmla="*/ 117 h 186"/>
                <a:gd name="T38" fmla="*/ 68 w 191"/>
                <a:gd name="T39" fmla="*/ 87 h 186"/>
                <a:gd name="T40" fmla="*/ 104 w 191"/>
                <a:gd name="T41" fmla="*/ 123 h 186"/>
                <a:gd name="T42" fmla="*/ 75 w 191"/>
                <a:gd name="T43" fmla="*/ 152 h 186"/>
                <a:gd name="T44" fmla="*/ 39 w 191"/>
                <a:gd name="T45" fmla="*/ 152 h 186"/>
                <a:gd name="T46" fmla="*/ 39 w 191"/>
                <a:gd name="T47" fmla="*/ 117 h 18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191" h="186">
                  <a:moveTo>
                    <a:pt x="20" y="171"/>
                  </a:moveTo>
                  <a:cubicBezTo>
                    <a:pt x="30" y="181"/>
                    <a:pt x="43" y="186"/>
                    <a:pt x="57" y="186"/>
                  </a:cubicBezTo>
                  <a:cubicBezTo>
                    <a:pt x="70" y="186"/>
                    <a:pt x="83" y="181"/>
                    <a:pt x="93" y="171"/>
                  </a:cubicBezTo>
                  <a:cubicBezTo>
                    <a:pt x="171" y="93"/>
                    <a:pt x="171" y="93"/>
                    <a:pt x="171" y="93"/>
                  </a:cubicBezTo>
                  <a:cubicBezTo>
                    <a:pt x="191" y="73"/>
                    <a:pt x="191" y="41"/>
                    <a:pt x="171" y="20"/>
                  </a:cubicBezTo>
                  <a:cubicBezTo>
                    <a:pt x="151" y="0"/>
                    <a:pt x="118" y="0"/>
                    <a:pt x="98" y="20"/>
                  </a:cubicBezTo>
                  <a:cubicBezTo>
                    <a:pt x="59" y="59"/>
                    <a:pt x="59" y="59"/>
                    <a:pt x="59" y="59"/>
                  </a:cubicBezTo>
                  <a:cubicBezTo>
                    <a:pt x="59" y="59"/>
                    <a:pt x="59" y="59"/>
                    <a:pt x="59" y="59"/>
                  </a:cubicBezTo>
                  <a:cubicBezTo>
                    <a:pt x="59" y="59"/>
                    <a:pt x="59" y="59"/>
                    <a:pt x="59" y="59"/>
                  </a:cubicBezTo>
                  <a:cubicBezTo>
                    <a:pt x="20" y="98"/>
                    <a:pt x="20" y="98"/>
                    <a:pt x="20" y="98"/>
                  </a:cubicBezTo>
                  <a:cubicBezTo>
                    <a:pt x="0" y="118"/>
                    <a:pt x="0" y="151"/>
                    <a:pt x="20" y="171"/>
                  </a:cubicBezTo>
                  <a:cubicBezTo>
                    <a:pt x="20" y="171"/>
                    <a:pt x="20" y="171"/>
                    <a:pt x="20" y="171"/>
                  </a:cubicBezTo>
                  <a:close/>
                  <a:moveTo>
                    <a:pt x="117" y="39"/>
                  </a:moveTo>
                  <a:cubicBezTo>
                    <a:pt x="126" y="29"/>
                    <a:pt x="142" y="29"/>
                    <a:pt x="152" y="39"/>
                  </a:cubicBezTo>
                  <a:cubicBezTo>
                    <a:pt x="162" y="49"/>
                    <a:pt x="162" y="65"/>
                    <a:pt x="152" y="75"/>
                  </a:cubicBezTo>
                  <a:cubicBezTo>
                    <a:pt x="123" y="104"/>
                    <a:pt x="123" y="104"/>
                    <a:pt x="123" y="104"/>
                  </a:cubicBezTo>
                  <a:cubicBezTo>
                    <a:pt x="87" y="69"/>
                    <a:pt x="87" y="69"/>
                    <a:pt x="87" y="69"/>
                  </a:cubicBezTo>
                  <a:lnTo>
                    <a:pt x="117" y="39"/>
                  </a:lnTo>
                  <a:close/>
                  <a:moveTo>
                    <a:pt x="39" y="117"/>
                  </a:moveTo>
                  <a:cubicBezTo>
                    <a:pt x="68" y="87"/>
                    <a:pt x="68" y="87"/>
                    <a:pt x="68" y="87"/>
                  </a:cubicBezTo>
                  <a:cubicBezTo>
                    <a:pt x="104" y="123"/>
                    <a:pt x="104" y="123"/>
                    <a:pt x="104" y="123"/>
                  </a:cubicBezTo>
                  <a:cubicBezTo>
                    <a:pt x="75" y="152"/>
                    <a:pt x="75" y="152"/>
                    <a:pt x="75" y="152"/>
                  </a:cubicBezTo>
                  <a:cubicBezTo>
                    <a:pt x="65" y="162"/>
                    <a:pt x="49" y="162"/>
                    <a:pt x="39" y="152"/>
                  </a:cubicBezTo>
                  <a:cubicBezTo>
                    <a:pt x="29" y="143"/>
                    <a:pt x="29" y="127"/>
                    <a:pt x="39" y="1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grpSp>
        <p:nvGrpSpPr>
          <p:cNvPr id="300" name="Group 299">
            <a:extLst>
              <a:ext uri="{FF2B5EF4-FFF2-40B4-BE49-F238E27FC236}">
                <a16:creationId xmlns:a16="http://schemas.microsoft.com/office/drawing/2014/main" id="{029E7BC2-FDC8-2A3A-92D6-30ED337A2BAB}"/>
              </a:ext>
            </a:extLst>
          </p:cNvPr>
          <p:cNvGrpSpPr/>
          <p:nvPr/>
        </p:nvGrpSpPr>
        <p:grpSpPr>
          <a:xfrm>
            <a:off x="2410845" y="4044615"/>
            <a:ext cx="225675" cy="349637"/>
            <a:chOff x="8836034" y="-989012"/>
            <a:chExt cx="338138" cy="523875"/>
          </a:xfrm>
          <a:solidFill>
            <a:srgbClr val="DAFA87"/>
          </a:solidFill>
        </p:grpSpPr>
        <p:sp>
          <p:nvSpPr>
            <p:cNvPr id="301" name="Freeform 419">
              <a:extLst>
                <a:ext uri="{FF2B5EF4-FFF2-40B4-BE49-F238E27FC236}">
                  <a16:creationId xmlns:a16="http://schemas.microsoft.com/office/drawing/2014/main" id="{7F8467A7-FE9E-85EA-817C-A026F8D75733}"/>
                </a:ext>
              </a:extLst>
            </p:cNvPr>
            <p:cNvSpPr>
              <a:spLocks noEditPoints="1"/>
            </p:cNvSpPr>
            <p:nvPr/>
          </p:nvSpPr>
          <p:spPr bwMode="auto">
            <a:xfrm>
              <a:off x="8928109" y="-895350"/>
              <a:ext cx="153988" cy="153988"/>
            </a:xfrm>
            <a:custGeom>
              <a:avLst/>
              <a:gdLst>
                <a:gd name="T0" fmla="*/ 66 w 132"/>
                <a:gd name="T1" fmla="*/ 0 h 132"/>
                <a:gd name="T2" fmla="*/ 0 w 132"/>
                <a:gd name="T3" fmla="*/ 66 h 132"/>
                <a:gd name="T4" fmla="*/ 66 w 132"/>
                <a:gd name="T5" fmla="*/ 132 h 132"/>
                <a:gd name="T6" fmla="*/ 132 w 132"/>
                <a:gd name="T7" fmla="*/ 66 h 132"/>
                <a:gd name="T8" fmla="*/ 66 w 132"/>
                <a:gd name="T9" fmla="*/ 0 h 132"/>
                <a:gd name="T10" fmla="*/ 66 w 132"/>
                <a:gd name="T11" fmla="*/ 105 h 132"/>
                <a:gd name="T12" fmla="*/ 26 w 132"/>
                <a:gd name="T13" fmla="*/ 66 h 132"/>
                <a:gd name="T14" fmla="*/ 66 w 132"/>
                <a:gd name="T15" fmla="*/ 26 h 132"/>
                <a:gd name="T16" fmla="*/ 106 w 132"/>
                <a:gd name="T17" fmla="*/ 66 h 132"/>
                <a:gd name="T18" fmla="*/ 66 w 132"/>
                <a:gd name="T19" fmla="*/ 105 h 1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132" h="132">
                  <a:moveTo>
                    <a:pt x="66" y="0"/>
                  </a:moveTo>
                  <a:cubicBezTo>
                    <a:pt x="30" y="0"/>
                    <a:pt x="0" y="29"/>
                    <a:pt x="0" y="66"/>
                  </a:cubicBezTo>
                  <a:cubicBezTo>
                    <a:pt x="0" y="102"/>
                    <a:pt x="30" y="132"/>
                    <a:pt x="66" y="132"/>
                  </a:cubicBezTo>
                  <a:cubicBezTo>
                    <a:pt x="102" y="132"/>
                    <a:pt x="132" y="102"/>
                    <a:pt x="132" y="66"/>
                  </a:cubicBezTo>
                  <a:cubicBezTo>
                    <a:pt x="132" y="29"/>
                    <a:pt x="102" y="0"/>
                    <a:pt x="66" y="0"/>
                  </a:cubicBezTo>
                  <a:close/>
                  <a:moveTo>
                    <a:pt x="66" y="105"/>
                  </a:moveTo>
                  <a:cubicBezTo>
                    <a:pt x="44" y="105"/>
                    <a:pt x="26" y="87"/>
                    <a:pt x="26" y="66"/>
                  </a:cubicBezTo>
                  <a:cubicBezTo>
                    <a:pt x="26" y="44"/>
                    <a:pt x="44" y="26"/>
                    <a:pt x="66" y="26"/>
                  </a:cubicBezTo>
                  <a:cubicBezTo>
                    <a:pt x="88" y="26"/>
                    <a:pt x="106" y="44"/>
                    <a:pt x="106" y="66"/>
                  </a:cubicBezTo>
                  <a:cubicBezTo>
                    <a:pt x="106" y="87"/>
                    <a:pt x="88" y="105"/>
                    <a:pt x="66" y="10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02" name="Freeform 420">
              <a:extLst>
                <a:ext uri="{FF2B5EF4-FFF2-40B4-BE49-F238E27FC236}">
                  <a16:creationId xmlns:a16="http://schemas.microsoft.com/office/drawing/2014/main" id="{5D2E560F-D89C-A577-D313-23A6BAC3962F}"/>
                </a:ext>
              </a:extLst>
            </p:cNvPr>
            <p:cNvSpPr>
              <a:spLocks noEditPoints="1"/>
            </p:cNvSpPr>
            <p:nvPr/>
          </p:nvSpPr>
          <p:spPr bwMode="auto">
            <a:xfrm>
              <a:off x="8836034" y="-989012"/>
              <a:ext cx="338138" cy="523875"/>
            </a:xfrm>
            <a:custGeom>
              <a:avLst/>
              <a:gdLst>
                <a:gd name="T0" fmla="*/ 145 w 290"/>
                <a:gd name="T1" fmla="*/ 0 h 449"/>
                <a:gd name="T2" fmla="*/ 0 w 290"/>
                <a:gd name="T3" fmla="*/ 146 h 449"/>
                <a:gd name="T4" fmla="*/ 10 w 290"/>
                <a:gd name="T5" fmla="*/ 200 h 449"/>
                <a:gd name="T6" fmla="*/ 11 w 290"/>
                <a:gd name="T7" fmla="*/ 200 h 449"/>
                <a:gd name="T8" fmla="*/ 11 w 290"/>
                <a:gd name="T9" fmla="*/ 201 h 449"/>
                <a:gd name="T10" fmla="*/ 20 w 290"/>
                <a:gd name="T11" fmla="*/ 220 h 449"/>
                <a:gd name="T12" fmla="*/ 133 w 290"/>
                <a:gd name="T13" fmla="*/ 442 h 449"/>
                <a:gd name="T14" fmla="*/ 145 w 290"/>
                <a:gd name="T15" fmla="*/ 449 h 449"/>
                <a:gd name="T16" fmla="*/ 157 w 290"/>
                <a:gd name="T17" fmla="*/ 442 h 449"/>
                <a:gd name="T18" fmla="*/ 269 w 290"/>
                <a:gd name="T19" fmla="*/ 220 h 449"/>
                <a:gd name="T20" fmla="*/ 279 w 290"/>
                <a:gd name="T21" fmla="*/ 201 h 449"/>
                <a:gd name="T22" fmla="*/ 279 w 290"/>
                <a:gd name="T23" fmla="*/ 200 h 449"/>
                <a:gd name="T24" fmla="*/ 280 w 290"/>
                <a:gd name="T25" fmla="*/ 200 h 449"/>
                <a:gd name="T26" fmla="*/ 290 w 290"/>
                <a:gd name="T27" fmla="*/ 146 h 449"/>
                <a:gd name="T28" fmla="*/ 145 w 290"/>
                <a:gd name="T29" fmla="*/ 0 h 449"/>
                <a:gd name="T30" fmla="*/ 255 w 290"/>
                <a:gd name="T31" fmla="*/ 191 h 449"/>
                <a:gd name="T32" fmla="*/ 255 w 290"/>
                <a:gd name="T33" fmla="*/ 191 h 449"/>
                <a:gd name="T34" fmla="*/ 247 w 290"/>
                <a:gd name="T35" fmla="*/ 207 h 449"/>
                <a:gd name="T36" fmla="*/ 246 w 290"/>
                <a:gd name="T37" fmla="*/ 208 h 449"/>
                <a:gd name="T38" fmla="*/ 145 w 290"/>
                <a:gd name="T39" fmla="*/ 407 h 449"/>
                <a:gd name="T40" fmla="*/ 44 w 290"/>
                <a:gd name="T41" fmla="*/ 208 h 449"/>
                <a:gd name="T42" fmla="*/ 43 w 290"/>
                <a:gd name="T43" fmla="*/ 207 h 449"/>
                <a:gd name="T44" fmla="*/ 35 w 290"/>
                <a:gd name="T45" fmla="*/ 191 h 449"/>
                <a:gd name="T46" fmla="*/ 35 w 290"/>
                <a:gd name="T47" fmla="*/ 190 h 449"/>
                <a:gd name="T48" fmla="*/ 26 w 290"/>
                <a:gd name="T49" fmla="*/ 146 h 449"/>
                <a:gd name="T50" fmla="*/ 145 w 290"/>
                <a:gd name="T51" fmla="*/ 27 h 449"/>
                <a:gd name="T52" fmla="*/ 264 w 290"/>
                <a:gd name="T53" fmla="*/ 146 h 449"/>
                <a:gd name="T54" fmla="*/ 255 w 290"/>
                <a:gd name="T55" fmla="*/ 191 h 44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290" h="449">
                  <a:moveTo>
                    <a:pt x="145" y="0"/>
                  </a:moveTo>
                  <a:cubicBezTo>
                    <a:pt x="65" y="0"/>
                    <a:pt x="0" y="66"/>
                    <a:pt x="0" y="146"/>
                  </a:cubicBezTo>
                  <a:cubicBezTo>
                    <a:pt x="0" y="164"/>
                    <a:pt x="3" y="183"/>
                    <a:pt x="10" y="200"/>
                  </a:cubicBezTo>
                  <a:cubicBezTo>
                    <a:pt x="10" y="200"/>
                    <a:pt x="11" y="200"/>
                    <a:pt x="11" y="200"/>
                  </a:cubicBezTo>
                  <a:cubicBezTo>
                    <a:pt x="11" y="201"/>
                    <a:pt x="11" y="201"/>
                    <a:pt x="11" y="201"/>
                  </a:cubicBezTo>
                  <a:cubicBezTo>
                    <a:pt x="13" y="207"/>
                    <a:pt x="17" y="213"/>
                    <a:pt x="20" y="220"/>
                  </a:cubicBezTo>
                  <a:cubicBezTo>
                    <a:pt x="133" y="442"/>
                    <a:pt x="133" y="442"/>
                    <a:pt x="133" y="442"/>
                  </a:cubicBezTo>
                  <a:cubicBezTo>
                    <a:pt x="135" y="446"/>
                    <a:pt x="140" y="449"/>
                    <a:pt x="145" y="449"/>
                  </a:cubicBezTo>
                  <a:cubicBezTo>
                    <a:pt x="150" y="449"/>
                    <a:pt x="154" y="446"/>
                    <a:pt x="157" y="442"/>
                  </a:cubicBezTo>
                  <a:cubicBezTo>
                    <a:pt x="269" y="220"/>
                    <a:pt x="269" y="220"/>
                    <a:pt x="269" y="220"/>
                  </a:cubicBezTo>
                  <a:cubicBezTo>
                    <a:pt x="273" y="213"/>
                    <a:pt x="277" y="207"/>
                    <a:pt x="279" y="201"/>
                  </a:cubicBezTo>
                  <a:cubicBezTo>
                    <a:pt x="279" y="201"/>
                    <a:pt x="279" y="201"/>
                    <a:pt x="279" y="200"/>
                  </a:cubicBezTo>
                  <a:cubicBezTo>
                    <a:pt x="279" y="200"/>
                    <a:pt x="279" y="200"/>
                    <a:pt x="280" y="200"/>
                  </a:cubicBezTo>
                  <a:cubicBezTo>
                    <a:pt x="287" y="182"/>
                    <a:pt x="290" y="164"/>
                    <a:pt x="290" y="146"/>
                  </a:cubicBezTo>
                  <a:cubicBezTo>
                    <a:pt x="290" y="66"/>
                    <a:pt x="225" y="0"/>
                    <a:pt x="145" y="0"/>
                  </a:cubicBezTo>
                  <a:close/>
                  <a:moveTo>
                    <a:pt x="255" y="191"/>
                  </a:moveTo>
                  <a:cubicBezTo>
                    <a:pt x="255" y="191"/>
                    <a:pt x="255" y="191"/>
                    <a:pt x="255" y="191"/>
                  </a:cubicBezTo>
                  <a:cubicBezTo>
                    <a:pt x="253" y="196"/>
                    <a:pt x="250" y="201"/>
                    <a:pt x="247" y="207"/>
                  </a:cubicBezTo>
                  <a:cubicBezTo>
                    <a:pt x="246" y="207"/>
                    <a:pt x="246" y="207"/>
                    <a:pt x="246" y="208"/>
                  </a:cubicBezTo>
                  <a:cubicBezTo>
                    <a:pt x="145" y="407"/>
                    <a:pt x="145" y="407"/>
                    <a:pt x="145" y="407"/>
                  </a:cubicBezTo>
                  <a:cubicBezTo>
                    <a:pt x="44" y="208"/>
                    <a:pt x="44" y="208"/>
                    <a:pt x="44" y="208"/>
                  </a:cubicBezTo>
                  <a:cubicBezTo>
                    <a:pt x="44" y="207"/>
                    <a:pt x="43" y="207"/>
                    <a:pt x="43" y="207"/>
                  </a:cubicBezTo>
                  <a:cubicBezTo>
                    <a:pt x="40" y="201"/>
                    <a:pt x="37" y="196"/>
                    <a:pt x="35" y="191"/>
                  </a:cubicBezTo>
                  <a:cubicBezTo>
                    <a:pt x="35" y="191"/>
                    <a:pt x="35" y="191"/>
                    <a:pt x="35" y="190"/>
                  </a:cubicBezTo>
                  <a:cubicBezTo>
                    <a:pt x="29" y="176"/>
                    <a:pt x="26" y="161"/>
                    <a:pt x="26" y="146"/>
                  </a:cubicBezTo>
                  <a:cubicBezTo>
                    <a:pt x="26" y="80"/>
                    <a:pt x="79" y="27"/>
                    <a:pt x="145" y="27"/>
                  </a:cubicBezTo>
                  <a:cubicBezTo>
                    <a:pt x="210" y="27"/>
                    <a:pt x="264" y="80"/>
                    <a:pt x="264" y="146"/>
                  </a:cubicBezTo>
                  <a:cubicBezTo>
                    <a:pt x="264" y="161"/>
                    <a:pt x="261" y="176"/>
                    <a:pt x="255" y="1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grpSp>
        <p:nvGrpSpPr>
          <p:cNvPr id="303" name="Group 302">
            <a:extLst>
              <a:ext uri="{FF2B5EF4-FFF2-40B4-BE49-F238E27FC236}">
                <a16:creationId xmlns:a16="http://schemas.microsoft.com/office/drawing/2014/main" id="{B6D6F59A-603E-5D60-0F5A-457BFF688847}"/>
              </a:ext>
            </a:extLst>
          </p:cNvPr>
          <p:cNvGrpSpPr/>
          <p:nvPr/>
        </p:nvGrpSpPr>
        <p:grpSpPr>
          <a:xfrm>
            <a:off x="1110222" y="1686234"/>
            <a:ext cx="299478" cy="490694"/>
            <a:chOff x="12990526" y="-2373313"/>
            <a:chExt cx="338138" cy="554038"/>
          </a:xfrm>
          <a:solidFill>
            <a:schemeClr val="bg1"/>
          </a:solidFill>
        </p:grpSpPr>
        <p:sp>
          <p:nvSpPr>
            <p:cNvPr id="304" name="Freeform 425">
              <a:extLst>
                <a:ext uri="{FF2B5EF4-FFF2-40B4-BE49-F238E27FC236}">
                  <a16:creationId xmlns:a16="http://schemas.microsoft.com/office/drawing/2014/main" id="{D4CB4C50-5518-57C6-1A4E-E7A6CD634201}"/>
                </a:ext>
              </a:extLst>
            </p:cNvPr>
            <p:cNvSpPr>
              <a:spLocks noEditPoints="1"/>
            </p:cNvSpPr>
            <p:nvPr/>
          </p:nvSpPr>
          <p:spPr bwMode="auto">
            <a:xfrm>
              <a:off x="12990526" y="-2373313"/>
              <a:ext cx="338138" cy="554038"/>
            </a:xfrm>
            <a:custGeom>
              <a:avLst/>
              <a:gdLst>
                <a:gd name="T0" fmla="*/ 247 w 290"/>
                <a:gd name="T1" fmla="*/ 0 h 475"/>
                <a:gd name="T2" fmla="*/ 44 w 290"/>
                <a:gd name="T3" fmla="*/ 0 h 475"/>
                <a:gd name="T4" fmla="*/ 0 w 290"/>
                <a:gd name="T5" fmla="*/ 44 h 475"/>
                <a:gd name="T6" fmla="*/ 0 w 290"/>
                <a:gd name="T7" fmla="*/ 431 h 475"/>
                <a:gd name="T8" fmla="*/ 44 w 290"/>
                <a:gd name="T9" fmla="*/ 475 h 475"/>
                <a:gd name="T10" fmla="*/ 247 w 290"/>
                <a:gd name="T11" fmla="*/ 475 h 475"/>
                <a:gd name="T12" fmla="*/ 290 w 290"/>
                <a:gd name="T13" fmla="*/ 431 h 475"/>
                <a:gd name="T14" fmla="*/ 290 w 290"/>
                <a:gd name="T15" fmla="*/ 44 h 475"/>
                <a:gd name="T16" fmla="*/ 247 w 290"/>
                <a:gd name="T17" fmla="*/ 0 h 475"/>
                <a:gd name="T18" fmla="*/ 264 w 290"/>
                <a:gd name="T19" fmla="*/ 431 h 475"/>
                <a:gd name="T20" fmla="*/ 247 w 290"/>
                <a:gd name="T21" fmla="*/ 449 h 475"/>
                <a:gd name="T22" fmla="*/ 44 w 290"/>
                <a:gd name="T23" fmla="*/ 449 h 475"/>
                <a:gd name="T24" fmla="*/ 27 w 290"/>
                <a:gd name="T25" fmla="*/ 431 h 475"/>
                <a:gd name="T26" fmla="*/ 27 w 290"/>
                <a:gd name="T27" fmla="*/ 44 h 475"/>
                <a:gd name="T28" fmla="*/ 44 w 290"/>
                <a:gd name="T29" fmla="*/ 26 h 475"/>
                <a:gd name="T30" fmla="*/ 247 w 290"/>
                <a:gd name="T31" fmla="*/ 26 h 475"/>
                <a:gd name="T32" fmla="*/ 264 w 290"/>
                <a:gd name="T33" fmla="*/ 44 h 475"/>
                <a:gd name="T34" fmla="*/ 264 w 290"/>
                <a:gd name="T35" fmla="*/ 431 h 4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290" h="475">
                  <a:moveTo>
                    <a:pt x="247" y="0"/>
                  </a:moveTo>
                  <a:cubicBezTo>
                    <a:pt x="44" y="0"/>
                    <a:pt x="44" y="0"/>
                    <a:pt x="44" y="0"/>
                  </a:cubicBezTo>
                  <a:cubicBezTo>
                    <a:pt x="20" y="0"/>
                    <a:pt x="0" y="20"/>
                    <a:pt x="0" y="44"/>
                  </a:cubicBezTo>
                  <a:cubicBezTo>
                    <a:pt x="0" y="431"/>
                    <a:pt x="0" y="431"/>
                    <a:pt x="0" y="431"/>
                  </a:cubicBezTo>
                  <a:cubicBezTo>
                    <a:pt x="0" y="455"/>
                    <a:pt x="20" y="475"/>
                    <a:pt x="44" y="475"/>
                  </a:cubicBezTo>
                  <a:cubicBezTo>
                    <a:pt x="247" y="475"/>
                    <a:pt x="247" y="475"/>
                    <a:pt x="247" y="475"/>
                  </a:cubicBezTo>
                  <a:cubicBezTo>
                    <a:pt x="271" y="475"/>
                    <a:pt x="290" y="455"/>
                    <a:pt x="290" y="431"/>
                  </a:cubicBezTo>
                  <a:cubicBezTo>
                    <a:pt x="290" y="44"/>
                    <a:pt x="290" y="44"/>
                    <a:pt x="290" y="44"/>
                  </a:cubicBezTo>
                  <a:cubicBezTo>
                    <a:pt x="290" y="20"/>
                    <a:pt x="271" y="0"/>
                    <a:pt x="247" y="0"/>
                  </a:cubicBezTo>
                  <a:close/>
                  <a:moveTo>
                    <a:pt x="264" y="431"/>
                  </a:moveTo>
                  <a:cubicBezTo>
                    <a:pt x="264" y="441"/>
                    <a:pt x="256" y="449"/>
                    <a:pt x="247" y="449"/>
                  </a:cubicBezTo>
                  <a:cubicBezTo>
                    <a:pt x="44" y="449"/>
                    <a:pt x="44" y="449"/>
                    <a:pt x="44" y="449"/>
                  </a:cubicBezTo>
                  <a:cubicBezTo>
                    <a:pt x="34" y="449"/>
                    <a:pt x="27" y="441"/>
                    <a:pt x="27" y="431"/>
                  </a:cubicBezTo>
                  <a:cubicBezTo>
                    <a:pt x="27" y="44"/>
                    <a:pt x="27" y="44"/>
                    <a:pt x="27" y="44"/>
                  </a:cubicBezTo>
                  <a:cubicBezTo>
                    <a:pt x="27" y="34"/>
                    <a:pt x="34" y="26"/>
                    <a:pt x="44" y="26"/>
                  </a:cubicBezTo>
                  <a:cubicBezTo>
                    <a:pt x="247" y="26"/>
                    <a:pt x="247" y="26"/>
                    <a:pt x="247" y="26"/>
                  </a:cubicBezTo>
                  <a:cubicBezTo>
                    <a:pt x="256" y="26"/>
                    <a:pt x="264" y="34"/>
                    <a:pt x="264" y="44"/>
                  </a:cubicBezTo>
                  <a:lnTo>
                    <a:pt x="264" y="43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05" name="Freeform 426">
              <a:extLst>
                <a:ext uri="{FF2B5EF4-FFF2-40B4-BE49-F238E27FC236}">
                  <a16:creationId xmlns:a16="http://schemas.microsoft.com/office/drawing/2014/main" id="{BA3F21F7-D52A-E594-7C98-587EA36FDB34}"/>
                </a:ext>
              </a:extLst>
            </p:cNvPr>
            <p:cNvSpPr>
              <a:spLocks/>
            </p:cNvSpPr>
            <p:nvPr/>
          </p:nvSpPr>
          <p:spPr bwMode="auto">
            <a:xfrm>
              <a:off x="13100063" y="-2311400"/>
              <a:ext cx="122238" cy="30163"/>
            </a:xfrm>
            <a:custGeom>
              <a:avLst/>
              <a:gdLst>
                <a:gd name="T0" fmla="*/ 92 w 105"/>
                <a:gd name="T1" fmla="*/ 0 h 26"/>
                <a:gd name="T2" fmla="*/ 13 w 105"/>
                <a:gd name="T3" fmla="*/ 0 h 26"/>
                <a:gd name="T4" fmla="*/ 0 w 105"/>
                <a:gd name="T5" fmla="*/ 13 h 26"/>
                <a:gd name="T6" fmla="*/ 13 w 105"/>
                <a:gd name="T7" fmla="*/ 26 h 26"/>
                <a:gd name="T8" fmla="*/ 92 w 105"/>
                <a:gd name="T9" fmla="*/ 26 h 26"/>
                <a:gd name="T10" fmla="*/ 105 w 105"/>
                <a:gd name="T11" fmla="*/ 13 h 26"/>
                <a:gd name="T12" fmla="*/ 92 w 105"/>
                <a:gd name="T13" fmla="*/ 0 h 26"/>
              </a:gdLst>
              <a:ahLst/>
              <a:cxnLst>
                <a:cxn ang="0">
                  <a:pos x="T0" y="T1"/>
                </a:cxn>
                <a:cxn ang="0">
                  <a:pos x="T2" y="T3"/>
                </a:cxn>
                <a:cxn ang="0">
                  <a:pos x="T4" y="T5"/>
                </a:cxn>
                <a:cxn ang="0">
                  <a:pos x="T6" y="T7"/>
                </a:cxn>
                <a:cxn ang="0">
                  <a:pos x="T8" y="T9"/>
                </a:cxn>
                <a:cxn ang="0">
                  <a:pos x="T10" y="T11"/>
                </a:cxn>
                <a:cxn ang="0">
                  <a:pos x="T12" y="T13"/>
                </a:cxn>
              </a:cxnLst>
              <a:rect l="0" t="0" r="r" b="b"/>
              <a:pathLst>
                <a:path w="105" h="26">
                  <a:moveTo>
                    <a:pt x="92" y="0"/>
                  </a:moveTo>
                  <a:cubicBezTo>
                    <a:pt x="13" y="0"/>
                    <a:pt x="13" y="0"/>
                    <a:pt x="13" y="0"/>
                  </a:cubicBezTo>
                  <a:cubicBezTo>
                    <a:pt x="5" y="0"/>
                    <a:pt x="0" y="6"/>
                    <a:pt x="0" y="13"/>
                  </a:cubicBezTo>
                  <a:cubicBezTo>
                    <a:pt x="0" y="20"/>
                    <a:pt x="5" y="26"/>
                    <a:pt x="13" y="26"/>
                  </a:cubicBezTo>
                  <a:cubicBezTo>
                    <a:pt x="92" y="26"/>
                    <a:pt x="92" y="26"/>
                    <a:pt x="92" y="26"/>
                  </a:cubicBezTo>
                  <a:cubicBezTo>
                    <a:pt x="99" y="26"/>
                    <a:pt x="105" y="20"/>
                    <a:pt x="105" y="13"/>
                  </a:cubicBezTo>
                  <a:cubicBezTo>
                    <a:pt x="105" y="6"/>
                    <a:pt x="99" y="0"/>
                    <a:pt x="92"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06" name="Freeform 427">
              <a:extLst>
                <a:ext uri="{FF2B5EF4-FFF2-40B4-BE49-F238E27FC236}">
                  <a16:creationId xmlns:a16="http://schemas.microsoft.com/office/drawing/2014/main" id="{ABC076B7-33A5-3D38-BEF4-F41E9E08B098}"/>
                </a:ext>
              </a:extLst>
            </p:cNvPr>
            <p:cNvSpPr>
              <a:spLocks/>
            </p:cNvSpPr>
            <p:nvPr/>
          </p:nvSpPr>
          <p:spPr bwMode="auto">
            <a:xfrm>
              <a:off x="13144513" y="-1912938"/>
              <a:ext cx="31750" cy="31750"/>
            </a:xfrm>
            <a:custGeom>
              <a:avLst/>
              <a:gdLst>
                <a:gd name="T0" fmla="*/ 11 w 27"/>
                <a:gd name="T1" fmla="*/ 1 h 27"/>
                <a:gd name="T2" fmla="*/ 8 w 27"/>
                <a:gd name="T3" fmla="*/ 2 h 27"/>
                <a:gd name="T4" fmla="*/ 6 w 27"/>
                <a:gd name="T5" fmla="*/ 3 h 27"/>
                <a:gd name="T6" fmla="*/ 4 w 27"/>
                <a:gd name="T7" fmla="*/ 5 h 27"/>
                <a:gd name="T8" fmla="*/ 0 w 27"/>
                <a:gd name="T9" fmla="*/ 14 h 27"/>
                <a:gd name="T10" fmla="*/ 4 w 27"/>
                <a:gd name="T11" fmla="*/ 23 h 27"/>
                <a:gd name="T12" fmla="*/ 6 w 27"/>
                <a:gd name="T13" fmla="*/ 25 h 27"/>
                <a:gd name="T14" fmla="*/ 8 w 27"/>
                <a:gd name="T15" fmla="*/ 26 h 27"/>
                <a:gd name="T16" fmla="*/ 11 w 27"/>
                <a:gd name="T17" fmla="*/ 27 h 27"/>
                <a:gd name="T18" fmla="*/ 13 w 27"/>
                <a:gd name="T19" fmla="*/ 27 h 27"/>
                <a:gd name="T20" fmla="*/ 23 w 27"/>
                <a:gd name="T21" fmla="*/ 23 h 27"/>
                <a:gd name="T22" fmla="*/ 27 w 27"/>
                <a:gd name="T23" fmla="*/ 14 h 27"/>
                <a:gd name="T24" fmla="*/ 23 w 27"/>
                <a:gd name="T25" fmla="*/ 5 h 27"/>
                <a:gd name="T26" fmla="*/ 11 w 27"/>
                <a:gd name="T27" fmla="*/ 1 h 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27" h="27">
                  <a:moveTo>
                    <a:pt x="11" y="1"/>
                  </a:moveTo>
                  <a:cubicBezTo>
                    <a:pt x="10" y="1"/>
                    <a:pt x="9" y="2"/>
                    <a:pt x="8" y="2"/>
                  </a:cubicBezTo>
                  <a:cubicBezTo>
                    <a:pt x="7" y="2"/>
                    <a:pt x="7" y="3"/>
                    <a:pt x="6" y="3"/>
                  </a:cubicBezTo>
                  <a:cubicBezTo>
                    <a:pt x="5" y="4"/>
                    <a:pt x="5" y="4"/>
                    <a:pt x="4" y="5"/>
                  </a:cubicBezTo>
                  <a:cubicBezTo>
                    <a:pt x="2" y="7"/>
                    <a:pt x="0" y="11"/>
                    <a:pt x="0" y="14"/>
                  </a:cubicBezTo>
                  <a:cubicBezTo>
                    <a:pt x="0" y="18"/>
                    <a:pt x="2" y="21"/>
                    <a:pt x="4" y="23"/>
                  </a:cubicBezTo>
                  <a:cubicBezTo>
                    <a:pt x="5" y="24"/>
                    <a:pt x="5" y="25"/>
                    <a:pt x="6" y="25"/>
                  </a:cubicBezTo>
                  <a:cubicBezTo>
                    <a:pt x="7" y="26"/>
                    <a:pt x="7" y="26"/>
                    <a:pt x="8" y="26"/>
                  </a:cubicBezTo>
                  <a:cubicBezTo>
                    <a:pt x="9" y="27"/>
                    <a:pt x="10" y="27"/>
                    <a:pt x="11" y="27"/>
                  </a:cubicBezTo>
                  <a:cubicBezTo>
                    <a:pt x="12" y="27"/>
                    <a:pt x="13" y="27"/>
                    <a:pt x="13" y="27"/>
                  </a:cubicBezTo>
                  <a:cubicBezTo>
                    <a:pt x="17" y="27"/>
                    <a:pt x="20" y="26"/>
                    <a:pt x="23" y="23"/>
                  </a:cubicBezTo>
                  <a:cubicBezTo>
                    <a:pt x="25" y="21"/>
                    <a:pt x="27" y="18"/>
                    <a:pt x="27" y="14"/>
                  </a:cubicBezTo>
                  <a:cubicBezTo>
                    <a:pt x="27" y="11"/>
                    <a:pt x="25" y="7"/>
                    <a:pt x="23" y="5"/>
                  </a:cubicBezTo>
                  <a:cubicBezTo>
                    <a:pt x="20" y="2"/>
                    <a:pt x="15" y="0"/>
                    <a:pt x="11" y="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Tree>
    <p:extLst>
      <p:ext uri="{BB962C8B-B14F-4D97-AF65-F5344CB8AC3E}">
        <p14:creationId xmlns:p14="http://schemas.microsoft.com/office/powerpoint/2010/main" val="180017521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a:xfrm>
            <a:off x="1013968" y="2583040"/>
            <a:ext cx="10280291" cy="1820862"/>
          </a:xfrm>
        </p:spPr>
        <p:txBody>
          <a:bodyPr/>
          <a:lstStyle/>
          <a:p>
            <a:pPr algn="ctr"/>
            <a:r>
              <a:rPr lang="en-US" sz="4800" dirty="0"/>
              <a:t>Solutions</a:t>
            </a:r>
            <a:br>
              <a:rPr lang="en-US" sz="4800" dirty="0"/>
            </a:br>
            <a:endParaRPr lang="en-US" sz="4800" dirty="0"/>
          </a:p>
        </p:txBody>
      </p:sp>
      <p:sp>
        <p:nvSpPr>
          <p:cNvPr id="6" name="TextBox 5"/>
          <p:cNvSpPr txBox="1"/>
          <p:nvPr/>
        </p:nvSpPr>
        <p:spPr>
          <a:xfrm>
            <a:off x="4086036" y="6167277"/>
            <a:ext cx="3416608" cy="390272"/>
          </a:xfrm>
          <a:prstGeom prst="rect">
            <a:avLst/>
          </a:prstGeom>
          <a:solidFill>
            <a:schemeClr val="bg1"/>
          </a:solidFill>
        </p:spPr>
        <p:txBody>
          <a:bodyPr wrap="square" lIns="0" tIns="0" rIns="0" bIns="0" rtlCol="0">
            <a:spAutoFit/>
          </a:bodyPr>
          <a:lstStyle/>
          <a:p>
            <a:pPr algn="l"/>
            <a:endParaRPr lang="en-US" sz="1600" dirty="0" err="1"/>
          </a:p>
        </p:txBody>
      </p:sp>
      <p:sp>
        <p:nvSpPr>
          <p:cNvPr id="7" name="TextBox 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Tree>
    <p:extLst>
      <p:ext uri="{BB962C8B-B14F-4D97-AF65-F5344CB8AC3E}">
        <p14:creationId xmlns:p14="http://schemas.microsoft.com/office/powerpoint/2010/main" val="107545455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607E4A67-7EF3-B665-C1CA-DB32E35D55F5}"/>
              </a:ext>
            </a:extLst>
          </p:cNvPr>
          <p:cNvSpPr>
            <a:spLocks noGrp="1"/>
          </p:cNvSpPr>
          <p:nvPr>
            <p:ph type="title"/>
          </p:nvPr>
        </p:nvSpPr>
        <p:spPr>
          <a:xfrm>
            <a:off x="360000" y="577362"/>
            <a:ext cx="10937920" cy="854488"/>
          </a:xfrm>
        </p:spPr>
        <p:txBody>
          <a:bodyPr/>
          <a:lstStyle/>
          <a:p>
            <a:r>
              <a:rPr lang="en-US" sz="3200" dirty="0">
                <a:ea typeface="Calibri" panose="020F0502020204030204" pitchFamily="34" charset="0"/>
                <a:cs typeface="Arial" panose="020B0604020202020204" pitchFamily="34" charset="0"/>
              </a:rPr>
              <a:t>Plan Sponsors: Overcome SDOH Barriers to Access</a:t>
            </a:r>
            <a:br>
              <a:rPr lang="en-US" sz="3200" dirty="0">
                <a:ea typeface="Calibri" panose="020F0502020204030204" pitchFamily="34" charset="0"/>
                <a:cs typeface="Arial" panose="020B0604020202020204" pitchFamily="34" charset="0"/>
              </a:rPr>
            </a:br>
            <a:r>
              <a:rPr lang="en-US" sz="2000" dirty="0">
                <a:ea typeface="Calibri" panose="020F0502020204030204" pitchFamily="34" charset="0"/>
                <a:cs typeface="Arial" panose="020B0604020202020204" pitchFamily="34" charset="0"/>
              </a:rPr>
              <a:t>Goal: Improve care, convenience, and reduce expensive future medical situations</a:t>
            </a:r>
            <a:endParaRPr lang="en-US" sz="1800" dirty="0"/>
          </a:p>
        </p:txBody>
      </p:sp>
      <p:sp>
        <p:nvSpPr>
          <p:cNvPr id="5" name="Slide Number Placeholder 4">
            <a:extLst>
              <a:ext uri="{FF2B5EF4-FFF2-40B4-BE49-F238E27FC236}">
                <a16:creationId xmlns:a16="http://schemas.microsoft.com/office/drawing/2014/main" id="{4E6995DB-09B1-4983-A00A-007E338E1B27}"/>
              </a:ext>
            </a:extLst>
          </p:cNvPr>
          <p:cNvSpPr>
            <a:spLocks noGrp="1"/>
          </p:cNvSpPr>
          <p:nvPr>
            <p:ph type="sldNum" sz="quarter" idx="11"/>
          </p:nvPr>
        </p:nvSpPr>
        <p:spPr/>
        <p:txBody>
          <a:bodyPr/>
          <a:lstStyle/>
          <a:p>
            <a:pPr defTabSz="608458" fontAlgn="base">
              <a:spcBef>
                <a:spcPct val="0"/>
              </a:spcBef>
              <a:spcAft>
                <a:spcPct val="0"/>
              </a:spcAft>
            </a:pPr>
            <a:r>
              <a:rPr lang="en-US" dirty="0">
                <a:solidFill>
                  <a:schemeClr val="tx2"/>
                </a:solidFill>
                <a:cs typeface="Arial" charset="0"/>
              </a:rPr>
              <a:t>      </a:t>
            </a:r>
          </a:p>
        </p:txBody>
      </p:sp>
      <p:sp>
        <p:nvSpPr>
          <p:cNvPr id="3" name="Content Placeholder 2">
            <a:extLst>
              <a:ext uri="{FF2B5EF4-FFF2-40B4-BE49-F238E27FC236}">
                <a16:creationId xmlns:a16="http://schemas.microsoft.com/office/drawing/2014/main" id="{01BAAEFE-D703-6FA7-6DAA-AA282516E40D}"/>
              </a:ext>
            </a:extLst>
          </p:cNvPr>
          <p:cNvSpPr txBox="1">
            <a:spLocks/>
          </p:cNvSpPr>
          <p:nvPr/>
        </p:nvSpPr>
        <p:spPr>
          <a:xfrm>
            <a:off x="8723946" y="2742598"/>
            <a:ext cx="1507160" cy="354738"/>
          </a:xfrm>
          <a:prstGeom prst="rect">
            <a:avLst/>
          </a:prstGeom>
        </p:spPr>
        <p:txBody>
          <a:bodyPr lIns="0" tIns="0" rIns="0" bIns="0">
            <a:noAutofit/>
          </a:bodyPr>
          <a:lstStyle>
            <a:lvl1pPr marL="0" indent="0" algn="l" defTabSz="913532" rtl="0" eaLnBrk="1" latinLnBrk="0" hangingPunct="1">
              <a:lnSpc>
                <a:spcPct val="90000"/>
              </a:lnSpc>
              <a:spcBef>
                <a:spcPts val="0"/>
              </a:spcBef>
              <a:buFont typeface="Arial" panose="020B0604020202020204" pitchFamily="34" charset="0"/>
              <a:buNone/>
              <a:defRPr sz="2398" b="1" kern="1200">
                <a:solidFill>
                  <a:schemeClr val="tx1"/>
                </a:solidFill>
                <a:latin typeface="+mn-lt"/>
                <a:ea typeface="+mn-ea"/>
                <a:cs typeface="+mn-cs"/>
              </a:defRPr>
            </a:lvl1pPr>
            <a:lvl2pPr marL="291823" indent="-283893"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2pPr>
            <a:lvl3pPr marL="634398" indent="-317198"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3pPr>
            <a:lvl4pPr marL="861195" indent="-218867"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4pPr>
            <a:lvl5pPr marL="1146672" indent="-228383"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5pPr>
            <a:lvl6pPr marL="2512211"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6pPr>
            <a:lvl7pPr marL="2968977"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7pPr>
            <a:lvl8pPr marL="3425744"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8pPr>
            <a:lvl9pPr marL="3882509"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9pPr>
          </a:lstStyle>
          <a:p>
            <a:pPr marL="0" lvl="1" indent="0">
              <a:lnSpc>
                <a:spcPct val="115000"/>
              </a:lnSpc>
              <a:spcBef>
                <a:spcPts val="0"/>
              </a:spcBef>
              <a:spcAft>
                <a:spcPts val="799"/>
              </a:spcAft>
              <a:buNone/>
            </a:pPr>
            <a:endParaRPr lang="en-US" sz="1400" dirty="0">
              <a:solidFill>
                <a:schemeClr val="tx2"/>
              </a:solidFill>
              <a:ea typeface="Calibri" panose="020F0502020204030204" pitchFamily="34" charset="0"/>
            </a:endParaRPr>
          </a:p>
        </p:txBody>
      </p:sp>
      <p:sp>
        <p:nvSpPr>
          <p:cNvPr id="12" name="TextBox 11"/>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14" name="TextBox 13"/>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17" name="Picture 1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10" name="Rectangle 9"/>
          <p:cNvSpPr/>
          <p:nvPr/>
        </p:nvSpPr>
        <p:spPr>
          <a:xfrm>
            <a:off x="360000" y="5741064"/>
            <a:ext cx="6900153" cy="276999"/>
          </a:xfrm>
          <a:prstGeom prst="rect">
            <a:avLst/>
          </a:prstGeom>
        </p:spPr>
        <p:txBody>
          <a:bodyPr wrap="square">
            <a:spAutoFit/>
          </a:bodyPr>
          <a:lstStyle/>
          <a:p>
            <a:r>
              <a:rPr lang="en-US" sz="1200" dirty="0">
                <a:solidFill>
                  <a:schemeClr val="bg1">
                    <a:lumMod val="50000"/>
                  </a:schemeClr>
                </a:solidFill>
              </a:rPr>
              <a:t>Social Determinants of Health and Vaccine Equity | Evernorth, 10/3/2023</a:t>
            </a:r>
          </a:p>
        </p:txBody>
      </p:sp>
      <p:sp>
        <p:nvSpPr>
          <p:cNvPr id="11" name="TextBox 10"/>
          <p:cNvSpPr txBox="1"/>
          <p:nvPr/>
        </p:nvSpPr>
        <p:spPr>
          <a:xfrm>
            <a:off x="370804" y="2216264"/>
            <a:ext cx="8865141" cy="2215991"/>
          </a:xfrm>
          <a:prstGeom prst="rect">
            <a:avLst/>
          </a:prstGeom>
          <a:noFill/>
        </p:spPr>
        <p:txBody>
          <a:bodyPr wrap="square" lIns="0" tIns="0" rIns="0" bIns="0" rtlCol="0">
            <a:spAutoFit/>
          </a:bodyPr>
          <a:lstStyle/>
          <a:p>
            <a:pPr marL="285750" indent="-285750" algn="l">
              <a:buFont typeface="Wingdings" panose="05000000000000000000" pitchFamily="2" charset="2"/>
              <a:buChar char="§"/>
            </a:pPr>
            <a:r>
              <a:rPr lang="en-US" dirty="0"/>
              <a:t>Offer digital accessibility resources to overcome obstacles such as transportation or copay costs </a:t>
            </a:r>
          </a:p>
          <a:p>
            <a:pPr marL="285750" indent="-285750" algn="l">
              <a:buFont typeface="Wingdings" panose="05000000000000000000" pitchFamily="2" charset="2"/>
              <a:buChar char="§"/>
            </a:pPr>
            <a:r>
              <a:rPr lang="en-US" dirty="0"/>
              <a:t>Institution of paid wellness time to encourage time for preventative care and wellness</a:t>
            </a:r>
          </a:p>
          <a:p>
            <a:pPr marL="285750" indent="-285750" algn="l">
              <a:buFont typeface="Wingdings" panose="05000000000000000000" pitchFamily="2" charset="2"/>
              <a:buChar char="§"/>
            </a:pPr>
            <a:r>
              <a:rPr lang="en-US" dirty="0"/>
              <a:t>Encourage understanding of plan benefits, educational materials, and resources. Offer interpretation services where needed</a:t>
            </a:r>
          </a:p>
          <a:p>
            <a:pPr marL="285750" indent="-285750" algn="l">
              <a:buFont typeface="Wingdings" panose="05000000000000000000" pitchFamily="2" charset="2"/>
              <a:buChar char="§"/>
            </a:pPr>
            <a:r>
              <a:rPr lang="en-US" dirty="0"/>
              <a:t>Utilize other preventative efforts such a low cost or free mammograms, cervical and colon cancer screenings, and vaccination clinics</a:t>
            </a:r>
          </a:p>
        </p:txBody>
      </p:sp>
      <p:pic>
        <p:nvPicPr>
          <p:cNvPr id="18" name="Picture 17" descr="Two people talking&#10;&#10;Description automatically generated with low confidence">
            <a:extLst>
              <a:ext uri="{FF2B5EF4-FFF2-40B4-BE49-F238E27FC236}">
                <a16:creationId xmlns:a16="http://schemas.microsoft.com/office/drawing/2014/main" id="{F0599B99-E8BB-40B5-BA48-43474DCD0A82}"/>
              </a:ext>
            </a:extLst>
          </p:cNvPr>
          <p:cNvPicPr>
            <a:picLocks noChangeAspect="1"/>
          </p:cNvPicPr>
          <p:nvPr/>
        </p:nvPicPr>
        <p:blipFill rotWithShape="1">
          <a:blip r:embed="rId4"/>
          <a:srcRect l="27454" t="9844" r="13498" b="1583"/>
          <a:stretch/>
        </p:blipFill>
        <p:spPr>
          <a:xfrm>
            <a:off x="9477526" y="4198242"/>
            <a:ext cx="2160910" cy="2160910"/>
          </a:xfrm>
          <a:prstGeom prst="ellipse">
            <a:avLst/>
          </a:prstGeom>
          <a:ln>
            <a:noFill/>
          </a:ln>
          <a:effectLst>
            <a:softEdge rad="112500"/>
          </a:effectLst>
        </p:spPr>
      </p:pic>
      <p:pic>
        <p:nvPicPr>
          <p:cNvPr id="19" name="Picture 2">
            <a:extLst>
              <a:ext uri="{FF2B5EF4-FFF2-40B4-BE49-F238E27FC236}">
                <a16:creationId xmlns:a16="http://schemas.microsoft.com/office/drawing/2014/main" id="{DEBEFFB9-5683-43CB-BFDA-1735D6D4FA1E}"/>
              </a:ext>
            </a:extLst>
          </p:cNvPr>
          <p:cNvPicPr>
            <a:picLocks noChangeAspect="1" noChangeArrowheads="1"/>
          </p:cNvPicPr>
          <p:nvPr/>
        </p:nvPicPr>
        <p:blipFill rotWithShape="1">
          <a:blip r:embed="rId5" cstate="hqprint">
            <a:extLst>
              <a:ext uri="{28A0092B-C50C-407E-A947-70E740481C1C}">
                <a14:useLocalDpi xmlns:a14="http://schemas.microsoft.com/office/drawing/2010/main"/>
              </a:ext>
            </a:extLst>
          </a:blip>
          <a:srcRect/>
          <a:stretch/>
        </p:blipFill>
        <p:spPr bwMode="auto">
          <a:xfrm>
            <a:off x="6813724" y="4339254"/>
            <a:ext cx="2333342" cy="2061927"/>
          </a:xfrm>
          <a:prstGeom prst="ellipse">
            <a:avLst/>
          </a:prstGeom>
          <a:ln>
            <a:noFill/>
          </a:ln>
          <a:effectLst>
            <a:softEdge rad="112500"/>
          </a:effectLst>
          <a:extLst>
            <a:ext uri="{909E8E84-426E-40DD-AFC4-6F175D3DCCD1}">
              <a14:hiddenFill xmlns:a14="http://schemas.microsoft.com/office/drawing/2010/main">
                <a:solidFill>
                  <a:srgbClr val="FFFFFF"/>
                </a:solidFill>
              </a14:hiddenFill>
            </a:ext>
          </a:extLst>
        </p:spPr>
      </p:pic>
      <p:pic>
        <p:nvPicPr>
          <p:cNvPr id="20" name="Picture 19">
            <a:extLst>
              <a:ext uri="{FF2B5EF4-FFF2-40B4-BE49-F238E27FC236}">
                <a16:creationId xmlns:a16="http://schemas.microsoft.com/office/drawing/2014/main" id="{0D6B9E76-7C03-C7D0-A509-7222842D373F}"/>
              </a:ext>
            </a:extLst>
          </p:cNvPr>
          <p:cNvPicPr>
            <a:picLocks noChangeAspect="1"/>
          </p:cNvPicPr>
          <p:nvPr/>
        </p:nvPicPr>
        <p:blipFill rotWithShape="1">
          <a:blip r:embed="rId6" cstate="print">
            <a:extLst>
              <a:ext uri="{28A0092B-C50C-407E-A947-70E740481C1C}">
                <a14:useLocalDpi xmlns:a14="http://schemas.microsoft.com/office/drawing/2010/main"/>
              </a:ext>
            </a:extLst>
          </a:blip>
          <a:srcRect l="6292" r="8426" b="7431"/>
          <a:stretch/>
        </p:blipFill>
        <p:spPr>
          <a:xfrm>
            <a:off x="9584405" y="1783404"/>
            <a:ext cx="2054031" cy="2213393"/>
          </a:xfrm>
          <a:prstGeom prst="ellipse">
            <a:avLst/>
          </a:prstGeom>
          <a:ln>
            <a:noFill/>
          </a:ln>
          <a:effectLst>
            <a:softEdge rad="112500"/>
          </a:effectLst>
        </p:spPr>
      </p:pic>
    </p:spTree>
    <p:extLst>
      <p:ext uri="{BB962C8B-B14F-4D97-AF65-F5344CB8AC3E}">
        <p14:creationId xmlns:p14="http://schemas.microsoft.com/office/powerpoint/2010/main" val="8143393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607E4A67-7EF3-B665-C1CA-DB32E35D55F5}"/>
              </a:ext>
            </a:extLst>
          </p:cNvPr>
          <p:cNvSpPr>
            <a:spLocks noGrp="1"/>
          </p:cNvSpPr>
          <p:nvPr>
            <p:ph type="title"/>
          </p:nvPr>
        </p:nvSpPr>
        <p:spPr>
          <a:xfrm>
            <a:off x="359999" y="577362"/>
            <a:ext cx="11436409" cy="854488"/>
          </a:xfrm>
        </p:spPr>
        <p:txBody>
          <a:bodyPr/>
          <a:lstStyle/>
          <a:p>
            <a:r>
              <a:rPr lang="en-US" sz="3200" dirty="0">
                <a:ea typeface="Calibri" panose="020F0502020204030204" pitchFamily="34" charset="0"/>
                <a:cs typeface="Arial" panose="020B0604020202020204" pitchFamily="34" charset="0"/>
              </a:rPr>
              <a:t>FindHelp.org</a:t>
            </a:r>
            <a:br>
              <a:rPr lang="en-US" sz="3200" dirty="0">
                <a:ea typeface="Calibri" panose="020F0502020204030204" pitchFamily="34" charset="0"/>
                <a:cs typeface="Arial" panose="020B0604020202020204" pitchFamily="34" charset="0"/>
              </a:rPr>
            </a:br>
            <a:r>
              <a:rPr lang="en-US" sz="2400" b="0" dirty="0">
                <a:ea typeface="Calibri" panose="020F0502020204030204" pitchFamily="34" charset="0"/>
                <a:cs typeface="Arial" panose="020B0604020202020204" pitchFamily="34" charset="0"/>
              </a:rPr>
              <a:t>Connecting local communities, one individual at a time</a:t>
            </a:r>
            <a:endParaRPr lang="en-US" b="0" dirty="0"/>
          </a:p>
        </p:txBody>
      </p:sp>
      <p:sp>
        <p:nvSpPr>
          <p:cNvPr id="5" name="Slide Number Placeholder 4">
            <a:extLst>
              <a:ext uri="{FF2B5EF4-FFF2-40B4-BE49-F238E27FC236}">
                <a16:creationId xmlns:a16="http://schemas.microsoft.com/office/drawing/2014/main" id="{4E6995DB-09B1-4983-A00A-007E338E1B27}"/>
              </a:ext>
            </a:extLst>
          </p:cNvPr>
          <p:cNvSpPr>
            <a:spLocks noGrp="1"/>
          </p:cNvSpPr>
          <p:nvPr>
            <p:ph type="sldNum" sz="quarter" idx="11"/>
          </p:nvPr>
        </p:nvSpPr>
        <p:spPr/>
        <p:txBody>
          <a:bodyPr/>
          <a:lstStyle/>
          <a:p>
            <a:pPr defTabSz="608458" fontAlgn="base">
              <a:spcBef>
                <a:spcPct val="0"/>
              </a:spcBef>
              <a:spcAft>
                <a:spcPct val="0"/>
              </a:spcAft>
            </a:pPr>
            <a:r>
              <a:rPr lang="en-US" dirty="0">
                <a:solidFill>
                  <a:schemeClr val="tx2"/>
                </a:solidFill>
                <a:cs typeface="Arial" charset="0"/>
              </a:rPr>
              <a:t>      </a:t>
            </a:r>
          </a:p>
        </p:txBody>
      </p:sp>
      <p:sp>
        <p:nvSpPr>
          <p:cNvPr id="6" name="Text Placeholder 5">
            <a:extLst>
              <a:ext uri="{FF2B5EF4-FFF2-40B4-BE49-F238E27FC236}">
                <a16:creationId xmlns:a16="http://schemas.microsoft.com/office/drawing/2014/main" id="{81D63361-22B2-ADE6-4C2F-C1A8768BBC65}"/>
              </a:ext>
            </a:extLst>
          </p:cNvPr>
          <p:cNvSpPr>
            <a:spLocks noGrp="1"/>
          </p:cNvSpPr>
          <p:nvPr>
            <p:ph type="body" sz="quarter" idx="4294967295"/>
          </p:nvPr>
        </p:nvSpPr>
        <p:spPr>
          <a:xfrm>
            <a:off x="367161" y="1497994"/>
            <a:ext cx="7229475" cy="346075"/>
          </a:xfrm>
        </p:spPr>
        <p:txBody>
          <a:bodyPr/>
          <a:lstStyle/>
          <a:p>
            <a:pPr marL="0" indent="0">
              <a:buNone/>
            </a:pPr>
            <a:r>
              <a:rPr lang="en-US" sz="1865" dirty="0">
                <a:solidFill>
                  <a:schemeClr val="accent3"/>
                </a:solidFill>
                <a:latin typeface="Arial" panose="020B0604020202020204" pitchFamily="34" charset="0"/>
                <a:ea typeface="Calibri" panose="020F0502020204030204" pitchFamily="34" charset="0"/>
                <a:cs typeface="Arial" panose="020B0604020202020204" pitchFamily="34" charset="0"/>
              </a:rPr>
              <a:t>Supporting </a:t>
            </a:r>
            <a:r>
              <a:rPr lang="en-US" sz="1865" dirty="0">
                <a:solidFill>
                  <a:schemeClr val="accent3"/>
                </a:solidFill>
                <a:latin typeface="Arial" panose="020B0604020202020204" pitchFamily="34" charset="0"/>
                <a:cs typeface="Arial" panose="020B0604020202020204" pitchFamily="34" charset="0"/>
              </a:rPr>
              <a:t>diversity, inclusion, equality and equity for all</a:t>
            </a:r>
            <a:endParaRPr lang="en-US" dirty="0">
              <a:solidFill>
                <a:schemeClr val="accent3"/>
              </a:solidFill>
              <a:latin typeface="Arial" panose="020B0604020202020204" pitchFamily="34" charset="0"/>
              <a:cs typeface="Arial" panose="020B0604020202020204" pitchFamily="34" charset="0"/>
            </a:endParaRPr>
          </a:p>
        </p:txBody>
      </p:sp>
      <p:sp>
        <p:nvSpPr>
          <p:cNvPr id="3" name="Content Placeholder 2">
            <a:extLst>
              <a:ext uri="{FF2B5EF4-FFF2-40B4-BE49-F238E27FC236}">
                <a16:creationId xmlns:a16="http://schemas.microsoft.com/office/drawing/2014/main" id="{01BAAEFE-D703-6FA7-6DAA-AA282516E40D}"/>
              </a:ext>
            </a:extLst>
          </p:cNvPr>
          <p:cNvSpPr txBox="1">
            <a:spLocks/>
          </p:cNvSpPr>
          <p:nvPr/>
        </p:nvSpPr>
        <p:spPr>
          <a:xfrm>
            <a:off x="8723946" y="2742598"/>
            <a:ext cx="1507160" cy="354738"/>
          </a:xfrm>
          <a:prstGeom prst="rect">
            <a:avLst/>
          </a:prstGeom>
        </p:spPr>
        <p:txBody>
          <a:bodyPr lIns="0" tIns="0" rIns="0" bIns="0">
            <a:noAutofit/>
          </a:bodyPr>
          <a:lstStyle>
            <a:lvl1pPr marL="0" indent="0" algn="l" defTabSz="913532" rtl="0" eaLnBrk="1" latinLnBrk="0" hangingPunct="1">
              <a:lnSpc>
                <a:spcPct val="90000"/>
              </a:lnSpc>
              <a:spcBef>
                <a:spcPts val="0"/>
              </a:spcBef>
              <a:buFont typeface="Arial" panose="020B0604020202020204" pitchFamily="34" charset="0"/>
              <a:buNone/>
              <a:defRPr sz="2398" b="1" kern="1200">
                <a:solidFill>
                  <a:schemeClr val="tx1"/>
                </a:solidFill>
                <a:latin typeface="+mn-lt"/>
                <a:ea typeface="+mn-ea"/>
                <a:cs typeface="+mn-cs"/>
              </a:defRPr>
            </a:lvl1pPr>
            <a:lvl2pPr marL="291823" indent="-283893"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2pPr>
            <a:lvl3pPr marL="634398" indent="-317198"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3pPr>
            <a:lvl4pPr marL="861195" indent="-218867"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4pPr>
            <a:lvl5pPr marL="1146672" indent="-228383"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5pPr>
            <a:lvl6pPr marL="2512211"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6pPr>
            <a:lvl7pPr marL="2968977"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7pPr>
            <a:lvl8pPr marL="3425744"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8pPr>
            <a:lvl9pPr marL="3882509"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9pPr>
          </a:lstStyle>
          <a:p>
            <a:pPr marL="0" lvl="1" indent="0">
              <a:lnSpc>
                <a:spcPct val="115000"/>
              </a:lnSpc>
              <a:spcBef>
                <a:spcPts val="0"/>
              </a:spcBef>
              <a:spcAft>
                <a:spcPts val="799"/>
              </a:spcAft>
              <a:buNone/>
            </a:pPr>
            <a:endParaRPr lang="en-US" sz="1400" dirty="0">
              <a:solidFill>
                <a:schemeClr val="tx2"/>
              </a:solidFill>
              <a:ea typeface="Calibri" panose="020F0502020204030204" pitchFamily="34" charset="0"/>
            </a:endParaRPr>
          </a:p>
        </p:txBody>
      </p:sp>
      <p:pic>
        <p:nvPicPr>
          <p:cNvPr id="4" name="Picture 3"/>
          <p:cNvPicPr>
            <a:picLocks noChangeAspect="1"/>
          </p:cNvPicPr>
          <p:nvPr/>
        </p:nvPicPr>
        <p:blipFill>
          <a:blip r:embed="rId3"/>
          <a:stretch>
            <a:fillRect/>
          </a:stretch>
        </p:blipFill>
        <p:spPr>
          <a:xfrm>
            <a:off x="359999" y="2742598"/>
            <a:ext cx="7360028" cy="2952902"/>
          </a:xfrm>
          <a:prstGeom prst="rect">
            <a:avLst/>
          </a:prstGeom>
        </p:spPr>
      </p:pic>
      <p:sp>
        <p:nvSpPr>
          <p:cNvPr id="12" name="TextBox 11"/>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14" name="TextBox 13"/>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17" name="Picture 16"/>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2" name="Oval 1"/>
          <p:cNvSpPr/>
          <p:nvPr/>
        </p:nvSpPr>
        <p:spPr>
          <a:xfrm>
            <a:off x="7887600" y="1177408"/>
            <a:ext cx="3832697" cy="2633334"/>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115000"/>
              </a:lnSpc>
              <a:spcAft>
                <a:spcPts val="799"/>
              </a:spcAft>
            </a:pPr>
            <a:r>
              <a:rPr lang="en-US" sz="1600" dirty="0">
                <a:ln w="0"/>
                <a:solidFill>
                  <a:schemeClr val="bg1"/>
                </a:solidFill>
                <a:effectLst>
                  <a:outerShdw blurRad="38100" dist="19050" dir="2700000" algn="tl" rotWithShape="0">
                    <a:schemeClr val="dk1">
                      <a:alpha val="40000"/>
                    </a:schemeClr>
                  </a:outerShdw>
                </a:effectLst>
                <a:ea typeface="Calibri" panose="020F0502020204030204" pitchFamily="34" charset="0"/>
                <a:cs typeface="Arial Black" panose="020B0604020202020204" pitchFamily="34" charset="0"/>
              </a:rPr>
              <a:t>Connecting customers to community resources  </a:t>
            </a:r>
            <a:br>
              <a:rPr lang="en-US" sz="2000" dirty="0">
                <a:solidFill>
                  <a:schemeClr val="bg1"/>
                </a:solidFill>
                <a:ea typeface="Calibri" panose="020F0502020204030204" pitchFamily="34" charset="0"/>
                <a:cs typeface="Arial" panose="020B0604020202020204" pitchFamily="34" charset="0"/>
              </a:rPr>
            </a:br>
            <a:r>
              <a:rPr lang="en-US" sz="2000" b="1" dirty="0">
                <a:solidFill>
                  <a:schemeClr val="accent5"/>
                </a:solidFill>
                <a:ea typeface="Calibri" panose="020F0502020204030204" pitchFamily="34" charset="0"/>
                <a:cs typeface="Arial" panose="020B0604020202020204" pitchFamily="34" charset="0"/>
              </a:rPr>
              <a:t>FindHelp.org</a:t>
            </a:r>
            <a:r>
              <a:rPr lang="en-US" sz="2000" dirty="0">
                <a:solidFill>
                  <a:schemeClr val="tx2"/>
                </a:solidFill>
                <a:ea typeface="Calibri" panose="020F0502020204030204" pitchFamily="34" charset="0"/>
                <a:cs typeface="Arial" panose="020B0604020202020204" pitchFamily="34" charset="0"/>
              </a:rPr>
              <a:t> </a:t>
            </a:r>
            <a:r>
              <a:rPr lang="en-US" sz="1600" dirty="0">
                <a:solidFill>
                  <a:schemeClr val="bg1"/>
                </a:solidFill>
                <a:ea typeface="Calibri" panose="020F0502020204030204" pitchFamily="34" charset="0"/>
                <a:cs typeface="Arial" panose="020B0604020202020204" pitchFamily="34" charset="0"/>
              </a:rPr>
              <a:t>provides community resources such as transportation, </a:t>
            </a:r>
            <a:br>
              <a:rPr lang="en-US" sz="1600" dirty="0">
                <a:solidFill>
                  <a:schemeClr val="bg1"/>
                </a:solidFill>
                <a:ea typeface="Calibri" panose="020F0502020204030204" pitchFamily="34" charset="0"/>
                <a:cs typeface="Arial" panose="020B0604020202020204" pitchFamily="34" charset="0"/>
              </a:rPr>
            </a:br>
            <a:r>
              <a:rPr lang="en-US" sz="1600" dirty="0">
                <a:solidFill>
                  <a:schemeClr val="bg1"/>
                </a:solidFill>
                <a:ea typeface="Calibri" panose="020F0502020204030204" pitchFamily="34" charset="0"/>
                <a:cs typeface="Arial" panose="020B0604020202020204" pitchFamily="34" charset="0"/>
              </a:rPr>
              <a:t>food assistance, and other services</a:t>
            </a:r>
            <a:endParaRPr lang="en-US" sz="2000" dirty="0">
              <a:solidFill>
                <a:schemeClr val="bg1"/>
              </a:solidFill>
              <a:ea typeface="Calibri" panose="020F0502020204030204" pitchFamily="34" charset="0"/>
            </a:endParaRPr>
          </a:p>
        </p:txBody>
      </p:sp>
    </p:spTree>
    <p:extLst>
      <p:ext uri="{BB962C8B-B14F-4D97-AF65-F5344CB8AC3E}">
        <p14:creationId xmlns:p14="http://schemas.microsoft.com/office/powerpoint/2010/main" val="122597682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607E4A67-7EF3-B665-C1CA-DB32E35D55F5}"/>
              </a:ext>
            </a:extLst>
          </p:cNvPr>
          <p:cNvSpPr>
            <a:spLocks noGrp="1"/>
          </p:cNvSpPr>
          <p:nvPr>
            <p:ph type="title"/>
          </p:nvPr>
        </p:nvSpPr>
        <p:spPr>
          <a:xfrm>
            <a:off x="359999" y="577362"/>
            <a:ext cx="11436409" cy="854488"/>
          </a:xfrm>
        </p:spPr>
        <p:txBody>
          <a:bodyPr/>
          <a:lstStyle/>
          <a:p>
            <a:r>
              <a:rPr lang="en-US" sz="3200" dirty="0">
                <a:ea typeface="Calibri" panose="020F0502020204030204" pitchFamily="34" charset="0"/>
                <a:cs typeface="Arial" panose="020B0604020202020204" pitchFamily="34" charset="0"/>
              </a:rPr>
              <a:t>FindHelp.org</a:t>
            </a:r>
            <a:br>
              <a:rPr lang="en-US" sz="3200" dirty="0">
                <a:ea typeface="Calibri" panose="020F0502020204030204" pitchFamily="34" charset="0"/>
                <a:cs typeface="Arial" panose="020B0604020202020204" pitchFamily="34" charset="0"/>
              </a:rPr>
            </a:br>
            <a:r>
              <a:rPr lang="en-US" sz="2400" b="0" dirty="0">
                <a:ea typeface="Calibri" panose="020F0502020204030204" pitchFamily="34" charset="0"/>
                <a:cs typeface="Arial" panose="020B0604020202020204" pitchFamily="34" charset="0"/>
              </a:rPr>
              <a:t>Mobile app, web-based, or data connections with healthcare systems</a:t>
            </a:r>
            <a:endParaRPr lang="en-US" b="0" dirty="0"/>
          </a:p>
        </p:txBody>
      </p:sp>
      <p:sp>
        <p:nvSpPr>
          <p:cNvPr id="5" name="Slide Number Placeholder 4">
            <a:extLst>
              <a:ext uri="{FF2B5EF4-FFF2-40B4-BE49-F238E27FC236}">
                <a16:creationId xmlns:a16="http://schemas.microsoft.com/office/drawing/2014/main" id="{4E6995DB-09B1-4983-A00A-007E338E1B27}"/>
              </a:ext>
            </a:extLst>
          </p:cNvPr>
          <p:cNvSpPr>
            <a:spLocks noGrp="1"/>
          </p:cNvSpPr>
          <p:nvPr>
            <p:ph type="sldNum" sz="quarter" idx="11"/>
          </p:nvPr>
        </p:nvSpPr>
        <p:spPr/>
        <p:txBody>
          <a:bodyPr/>
          <a:lstStyle/>
          <a:p>
            <a:pPr defTabSz="608458" fontAlgn="base">
              <a:spcBef>
                <a:spcPct val="0"/>
              </a:spcBef>
              <a:spcAft>
                <a:spcPct val="0"/>
              </a:spcAft>
            </a:pPr>
            <a:r>
              <a:rPr lang="en-US" dirty="0">
                <a:solidFill>
                  <a:schemeClr val="tx2"/>
                </a:solidFill>
                <a:cs typeface="Arial" charset="0"/>
              </a:rPr>
              <a:t>      </a:t>
            </a:r>
          </a:p>
        </p:txBody>
      </p:sp>
      <p:sp>
        <p:nvSpPr>
          <p:cNvPr id="3" name="Content Placeholder 2">
            <a:extLst>
              <a:ext uri="{FF2B5EF4-FFF2-40B4-BE49-F238E27FC236}">
                <a16:creationId xmlns:a16="http://schemas.microsoft.com/office/drawing/2014/main" id="{01BAAEFE-D703-6FA7-6DAA-AA282516E40D}"/>
              </a:ext>
            </a:extLst>
          </p:cNvPr>
          <p:cNvSpPr txBox="1">
            <a:spLocks/>
          </p:cNvSpPr>
          <p:nvPr/>
        </p:nvSpPr>
        <p:spPr>
          <a:xfrm>
            <a:off x="8723946" y="2742598"/>
            <a:ext cx="1507160" cy="354738"/>
          </a:xfrm>
          <a:prstGeom prst="rect">
            <a:avLst/>
          </a:prstGeom>
        </p:spPr>
        <p:txBody>
          <a:bodyPr lIns="0" tIns="0" rIns="0" bIns="0">
            <a:noAutofit/>
          </a:bodyPr>
          <a:lstStyle>
            <a:lvl1pPr marL="0" indent="0" algn="l" defTabSz="913532" rtl="0" eaLnBrk="1" latinLnBrk="0" hangingPunct="1">
              <a:lnSpc>
                <a:spcPct val="90000"/>
              </a:lnSpc>
              <a:spcBef>
                <a:spcPts val="0"/>
              </a:spcBef>
              <a:buFont typeface="Arial" panose="020B0604020202020204" pitchFamily="34" charset="0"/>
              <a:buNone/>
              <a:defRPr sz="2398" b="1" kern="1200">
                <a:solidFill>
                  <a:schemeClr val="tx1"/>
                </a:solidFill>
                <a:latin typeface="+mn-lt"/>
                <a:ea typeface="+mn-ea"/>
                <a:cs typeface="+mn-cs"/>
              </a:defRPr>
            </a:lvl1pPr>
            <a:lvl2pPr marL="291823" indent="-283893"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2pPr>
            <a:lvl3pPr marL="634398" indent="-317198"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3pPr>
            <a:lvl4pPr marL="861195" indent="-218867"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4pPr>
            <a:lvl5pPr marL="1146672" indent="-228383" algn="l" defTabSz="913532" rtl="0" eaLnBrk="1" latinLnBrk="0" hangingPunct="1">
              <a:lnSpc>
                <a:spcPct val="90000"/>
              </a:lnSpc>
              <a:spcBef>
                <a:spcPts val="500"/>
              </a:spcBef>
              <a:buFont typeface="Arial" panose="020B0604020202020204" pitchFamily="34" charset="0"/>
              <a:buChar char="•"/>
              <a:tabLst/>
              <a:defRPr sz="1799" kern="1200">
                <a:solidFill>
                  <a:schemeClr val="tx1"/>
                </a:solidFill>
                <a:latin typeface="+mn-lt"/>
                <a:ea typeface="+mn-ea"/>
                <a:cs typeface="+mn-cs"/>
              </a:defRPr>
            </a:lvl5pPr>
            <a:lvl6pPr marL="2512211"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6pPr>
            <a:lvl7pPr marL="2968977"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7pPr>
            <a:lvl8pPr marL="3425744"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8pPr>
            <a:lvl9pPr marL="3882509" indent="-228383" algn="l" defTabSz="913532" rtl="0" eaLnBrk="1" latinLnBrk="0" hangingPunct="1">
              <a:lnSpc>
                <a:spcPct val="90000"/>
              </a:lnSpc>
              <a:spcBef>
                <a:spcPts val="500"/>
              </a:spcBef>
              <a:buFont typeface="Arial" panose="020B0604020202020204" pitchFamily="34" charset="0"/>
              <a:buChar char="•"/>
              <a:defRPr sz="1799" kern="1200">
                <a:solidFill>
                  <a:schemeClr val="tx1"/>
                </a:solidFill>
                <a:latin typeface="+mn-lt"/>
                <a:ea typeface="+mn-ea"/>
                <a:cs typeface="+mn-cs"/>
              </a:defRPr>
            </a:lvl9pPr>
          </a:lstStyle>
          <a:p>
            <a:pPr marL="0" lvl="1" indent="0">
              <a:lnSpc>
                <a:spcPct val="115000"/>
              </a:lnSpc>
              <a:spcBef>
                <a:spcPts val="0"/>
              </a:spcBef>
              <a:spcAft>
                <a:spcPts val="799"/>
              </a:spcAft>
              <a:buNone/>
            </a:pPr>
            <a:endParaRPr lang="en-US" sz="1400" dirty="0">
              <a:solidFill>
                <a:schemeClr val="tx2"/>
              </a:solidFill>
              <a:ea typeface="Calibri" panose="020F0502020204030204" pitchFamily="34" charset="0"/>
            </a:endParaRPr>
          </a:p>
        </p:txBody>
      </p:sp>
      <p:sp>
        <p:nvSpPr>
          <p:cNvPr id="12" name="TextBox 11"/>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14" name="TextBox 13"/>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17" name="Picture 1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pic>
        <p:nvPicPr>
          <p:cNvPr id="2" name="Picture 1"/>
          <p:cNvPicPr>
            <a:picLocks noChangeAspect="1"/>
          </p:cNvPicPr>
          <p:nvPr/>
        </p:nvPicPr>
        <p:blipFill>
          <a:blip r:embed="rId4" cstate="hqprint">
            <a:extLst>
              <a:ext uri="{28A0092B-C50C-407E-A947-70E740481C1C}">
                <a14:useLocalDpi xmlns:a14="http://schemas.microsoft.com/office/drawing/2010/main" val="0"/>
              </a:ext>
            </a:extLst>
          </a:blip>
          <a:stretch>
            <a:fillRect/>
          </a:stretch>
        </p:blipFill>
        <p:spPr>
          <a:xfrm>
            <a:off x="5995596" y="1881039"/>
            <a:ext cx="1810569" cy="3595991"/>
          </a:xfrm>
          <a:prstGeom prst="rect">
            <a:avLst/>
          </a:prstGeom>
          <a:ln>
            <a:noFill/>
          </a:ln>
          <a:effectLst>
            <a:outerShdw blurRad="190500" algn="tl" rotWithShape="0">
              <a:srgbClr val="000000">
                <a:alpha val="70000"/>
              </a:srgbClr>
            </a:outerShdw>
          </a:effectLst>
        </p:spPr>
      </p:pic>
      <p:pic>
        <p:nvPicPr>
          <p:cNvPr id="10" name="Picture 9"/>
          <p:cNvPicPr>
            <a:picLocks noChangeAspect="1"/>
          </p:cNvPicPr>
          <p:nvPr/>
        </p:nvPicPr>
        <p:blipFill>
          <a:blip r:embed="rId5" cstate="hqprint">
            <a:extLst>
              <a:ext uri="{28A0092B-C50C-407E-A947-70E740481C1C}">
                <a14:useLocalDpi xmlns:a14="http://schemas.microsoft.com/office/drawing/2010/main" val="0"/>
              </a:ext>
            </a:extLst>
          </a:blip>
          <a:stretch>
            <a:fillRect/>
          </a:stretch>
        </p:blipFill>
        <p:spPr>
          <a:xfrm>
            <a:off x="3223635" y="1886649"/>
            <a:ext cx="2051371" cy="3590381"/>
          </a:xfrm>
          <a:prstGeom prst="rect">
            <a:avLst/>
          </a:prstGeom>
          <a:ln>
            <a:noFill/>
          </a:ln>
          <a:effectLst>
            <a:outerShdw blurRad="190500" algn="tl" rotWithShape="0">
              <a:srgbClr val="000000">
                <a:alpha val="70000"/>
              </a:srgbClr>
            </a:outerShdw>
          </a:effectLst>
        </p:spPr>
      </p:pic>
      <p:pic>
        <p:nvPicPr>
          <p:cNvPr id="11" name="Picture 10"/>
          <p:cNvPicPr>
            <a:picLocks noChangeAspect="1"/>
          </p:cNvPicPr>
          <p:nvPr/>
        </p:nvPicPr>
        <p:blipFill>
          <a:blip r:embed="rId6" cstate="hqprint">
            <a:extLst>
              <a:ext uri="{28A0092B-C50C-407E-A947-70E740481C1C}">
                <a14:useLocalDpi xmlns:a14="http://schemas.microsoft.com/office/drawing/2010/main" val="0"/>
              </a:ext>
            </a:extLst>
          </a:blip>
          <a:stretch>
            <a:fillRect/>
          </a:stretch>
        </p:blipFill>
        <p:spPr>
          <a:xfrm>
            <a:off x="744275" y="1881040"/>
            <a:ext cx="1729920" cy="3595991"/>
          </a:xfrm>
          <a:prstGeom prst="rect">
            <a:avLst/>
          </a:prstGeom>
          <a:ln>
            <a:noFill/>
          </a:ln>
          <a:effectLst>
            <a:outerShdw blurRad="190500" algn="tl" rotWithShape="0">
              <a:srgbClr val="000000">
                <a:alpha val="70000"/>
              </a:srgbClr>
            </a:outerShdw>
          </a:effectLst>
        </p:spPr>
      </p:pic>
      <p:pic>
        <p:nvPicPr>
          <p:cNvPr id="18" name="Picture 17"/>
          <p:cNvPicPr>
            <a:picLocks noChangeAspect="1"/>
          </p:cNvPicPr>
          <p:nvPr/>
        </p:nvPicPr>
        <p:blipFill>
          <a:blip r:embed="rId7" cstate="hqprint">
            <a:extLst>
              <a:ext uri="{28A0092B-C50C-407E-A947-70E740481C1C}">
                <a14:useLocalDpi xmlns:a14="http://schemas.microsoft.com/office/drawing/2010/main" val="0"/>
              </a:ext>
            </a:extLst>
          </a:blip>
          <a:stretch>
            <a:fillRect/>
          </a:stretch>
        </p:blipFill>
        <p:spPr>
          <a:xfrm>
            <a:off x="8646443" y="1881039"/>
            <a:ext cx="1792187" cy="3595991"/>
          </a:xfrm>
          <a:prstGeom prst="rect">
            <a:avLst/>
          </a:prstGeom>
          <a:ln>
            <a:noFill/>
          </a:ln>
          <a:effectLst>
            <a:outerShdw blurRad="190500" algn="tl" rotWithShape="0">
              <a:srgbClr val="000000">
                <a:alpha val="70000"/>
              </a:srgbClr>
            </a:outerShdw>
          </a:effectLst>
        </p:spPr>
      </p:pic>
    </p:spTree>
    <p:extLst>
      <p:ext uri="{BB962C8B-B14F-4D97-AF65-F5344CB8AC3E}">
        <p14:creationId xmlns:p14="http://schemas.microsoft.com/office/powerpoint/2010/main" val="390975466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a:xfrm>
            <a:off x="0" y="1751906"/>
            <a:ext cx="12192000" cy="1047306"/>
          </a:xfrm>
        </p:spPr>
        <p:txBody>
          <a:bodyPr/>
          <a:lstStyle/>
          <a:p>
            <a:pPr algn="ctr"/>
            <a:br>
              <a:rPr lang="en-US" sz="6000" dirty="0"/>
            </a:br>
            <a:r>
              <a:rPr lang="en-US" sz="6000" dirty="0"/>
              <a:t>THANK YOU</a:t>
            </a:r>
            <a:br>
              <a:rPr lang="en-US" sz="6000" dirty="0"/>
            </a:br>
            <a:br>
              <a:rPr lang="en-US" sz="6000" dirty="0"/>
            </a:br>
            <a:r>
              <a:rPr lang="en-US" sz="4400" dirty="0"/>
              <a:t>Questions Welcomed! </a:t>
            </a:r>
            <a:br>
              <a:rPr lang="en-US" sz="2400" dirty="0"/>
            </a:br>
            <a:r>
              <a:rPr lang="en-US" sz="6600" dirty="0"/>
              <a:t> </a:t>
            </a:r>
          </a:p>
        </p:txBody>
      </p:sp>
      <p:sp>
        <p:nvSpPr>
          <p:cNvPr id="7" name="TextBox 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10" name="TextBox 9"/>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Tree>
    <p:extLst>
      <p:ext uri="{BB962C8B-B14F-4D97-AF65-F5344CB8AC3E}">
        <p14:creationId xmlns:p14="http://schemas.microsoft.com/office/powerpoint/2010/main" val="97061385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Round Diagonal Corner Rectangle 18">
            <a:extLst>
              <a:ext uri="{FF2B5EF4-FFF2-40B4-BE49-F238E27FC236}">
                <a16:creationId xmlns:a16="http://schemas.microsoft.com/office/drawing/2014/main" id="{7E2D14B5-17FE-B745-8A43-E5D5FF934B14}"/>
              </a:ext>
            </a:extLst>
          </p:cNvPr>
          <p:cNvSpPr/>
          <p:nvPr/>
        </p:nvSpPr>
        <p:spPr>
          <a:xfrm>
            <a:off x="4067841" y="1055883"/>
            <a:ext cx="3471291" cy="2109347"/>
          </a:xfrm>
          <a:prstGeom prst="round2DiagRect">
            <a:avLst/>
          </a:prstGeom>
          <a:solidFill>
            <a:schemeClr val="tx2">
              <a:lumMod val="10000"/>
              <a:lumOff val="9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2396" dirty="0"/>
          </a:p>
        </p:txBody>
      </p:sp>
      <p:sp>
        <p:nvSpPr>
          <p:cNvPr id="15" name="Round Diagonal Corner Rectangle 18">
            <a:extLst>
              <a:ext uri="{FF2B5EF4-FFF2-40B4-BE49-F238E27FC236}">
                <a16:creationId xmlns:a16="http://schemas.microsoft.com/office/drawing/2014/main" id="{ACAF8949-9510-3740-837A-B78AE8A11135}"/>
              </a:ext>
            </a:extLst>
          </p:cNvPr>
          <p:cNvSpPr/>
          <p:nvPr/>
        </p:nvSpPr>
        <p:spPr>
          <a:xfrm>
            <a:off x="360000" y="3383631"/>
            <a:ext cx="3471291" cy="2109347"/>
          </a:xfrm>
          <a:prstGeom prst="round2DiagRect">
            <a:avLst/>
          </a:prstGeom>
          <a:solidFill>
            <a:schemeClr val="tx1">
              <a:lumMod val="75000"/>
              <a:lumOff val="2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2396" dirty="0"/>
          </a:p>
        </p:txBody>
      </p:sp>
      <p:sp>
        <p:nvSpPr>
          <p:cNvPr id="16" name="Round Diagonal Corner Rectangle 18">
            <a:extLst>
              <a:ext uri="{FF2B5EF4-FFF2-40B4-BE49-F238E27FC236}">
                <a16:creationId xmlns:a16="http://schemas.microsoft.com/office/drawing/2014/main" id="{21CC8DFB-616B-0B4E-9F11-C4791B009C4C}"/>
              </a:ext>
            </a:extLst>
          </p:cNvPr>
          <p:cNvSpPr/>
          <p:nvPr/>
        </p:nvSpPr>
        <p:spPr>
          <a:xfrm>
            <a:off x="4067841" y="3366522"/>
            <a:ext cx="3471291" cy="2109347"/>
          </a:xfrm>
          <a:prstGeom prst="round2DiagRect">
            <a:avLst/>
          </a:prstGeom>
          <a:solidFill>
            <a:schemeClr val="accent3"/>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2396" dirty="0"/>
          </a:p>
        </p:txBody>
      </p:sp>
      <p:sp>
        <p:nvSpPr>
          <p:cNvPr id="13" name="Round Diagonal Corner Rectangle 18">
            <a:extLst>
              <a:ext uri="{FF2B5EF4-FFF2-40B4-BE49-F238E27FC236}">
                <a16:creationId xmlns:a16="http://schemas.microsoft.com/office/drawing/2014/main" id="{562A2BD1-3C4A-0F49-ADAB-776813BCD1F0}"/>
              </a:ext>
            </a:extLst>
          </p:cNvPr>
          <p:cNvSpPr/>
          <p:nvPr/>
        </p:nvSpPr>
        <p:spPr>
          <a:xfrm>
            <a:off x="360000" y="1086029"/>
            <a:ext cx="3471291" cy="2109347"/>
          </a:xfrm>
          <a:prstGeom prst="round2DiagRect">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2396" dirty="0"/>
          </a:p>
        </p:txBody>
      </p:sp>
      <p:sp>
        <p:nvSpPr>
          <p:cNvPr id="2" name="Title 1">
            <a:extLst>
              <a:ext uri="{FF2B5EF4-FFF2-40B4-BE49-F238E27FC236}">
                <a16:creationId xmlns:a16="http://schemas.microsoft.com/office/drawing/2014/main" id="{EB8578B0-B0F0-8543-AAD3-1A08E4B5A4B5}"/>
              </a:ext>
            </a:extLst>
          </p:cNvPr>
          <p:cNvSpPr>
            <a:spLocks noGrp="1"/>
          </p:cNvSpPr>
          <p:nvPr>
            <p:ph type="title"/>
          </p:nvPr>
        </p:nvSpPr>
        <p:spPr/>
        <p:txBody>
          <a:bodyPr/>
          <a:lstStyle/>
          <a:p>
            <a:r>
              <a:rPr lang="en-US" dirty="0"/>
              <a:t>What is health equity?</a:t>
            </a:r>
          </a:p>
        </p:txBody>
      </p:sp>
      <p:sp>
        <p:nvSpPr>
          <p:cNvPr id="5" name="Content Placeholder 4">
            <a:extLst>
              <a:ext uri="{FF2B5EF4-FFF2-40B4-BE49-F238E27FC236}">
                <a16:creationId xmlns:a16="http://schemas.microsoft.com/office/drawing/2014/main" id="{E3E4B29F-F077-AC49-A10A-922A329C7CAB}"/>
              </a:ext>
            </a:extLst>
          </p:cNvPr>
          <p:cNvSpPr>
            <a:spLocks noGrp="1"/>
          </p:cNvSpPr>
          <p:nvPr>
            <p:ph sz="quarter" idx="13"/>
          </p:nvPr>
        </p:nvSpPr>
        <p:spPr>
          <a:xfrm>
            <a:off x="587963" y="3535904"/>
            <a:ext cx="3125124" cy="1939965"/>
          </a:xfrm>
        </p:spPr>
        <p:txBody>
          <a:bodyPr/>
          <a:lstStyle/>
          <a:p>
            <a:pPr marL="0" indent="0">
              <a:buNone/>
            </a:pPr>
            <a:r>
              <a:rPr lang="en-US" b="1" dirty="0">
                <a:solidFill>
                  <a:schemeClr val="bg1"/>
                </a:solidFill>
              </a:rPr>
              <a:t>SOCIAL DETERMINANTS</a:t>
            </a:r>
            <a:br>
              <a:rPr lang="en-US" b="1" dirty="0">
                <a:solidFill>
                  <a:schemeClr val="bg1"/>
                </a:solidFill>
              </a:rPr>
            </a:br>
            <a:r>
              <a:rPr lang="en-US" b="1" dirty="0">
                <a:solidFill>
                  <a:schemeClr val="bg1"/>
                </a:solidFill>
              </a:rPr>
              <a:t>OF HEALTH (SDOH):</a:t>
            </a:r>
          </a:p>
          <a:p>
            <a:pPr marL="0" indent="0">
              <a:buNone/>
            </a:pPr>
            <a:r>
              <a:rPr lang="en-US" sz="1600" dirty="0">
                <a:solidFill>
                  <a:schemeClr val="bg1"/>
                </a:solidFill>
              </a:rPr>
              <a:t>the conditions in which</a:t>
            </a:r>
            <a:br>
              <a:rPr lang="en-US" sz="1600" dirty="0">
                <a:solidFill>
                  <a:schemeClr val="bg1"/>
                </a:solidFill>
              </a:rPr>
            </a:br>
            <a:r>
              <a:rPr lang="en-US" sz="1600" dirty="0">
                <a:solidFill>
                  <a:schemeClr val="bg1"/>
                </a:solidFill>
              </a:rPr>
              <a:t>people live, learn, work</a:t>
            </a:r>
            <a:br>
              <a:rPr lang="en-US" sz="1600" dirty="0">
                <a:solidFill>
                  <a:schemeClr val="bg1"/>
                </a:solidFill>
              </a:rPr>
            </a:br>
            <a:r>
              <a:rPr lang="en-US" sz="1600" dirty="0">
                <a:solidFill>
                  <a:schemeClr val="bg1"/>
                </a:solidFill>
              </a:rPr>
              <a:t>and play that affect a wide</a:t>
            </a:r>
            <a:br>
              <a:rPr lang="en-US" sz="1600" dirty="0">
                <a:solidFill>
                  <a:schemeClr val="bg1"/>
                </a:solidFill>
              </a:rPr>
            </a:br>
            <a:r>
              <a:rPr lang="en-US" sz="1600" dirty="0">
                <a:solidFill>
                  <a:schemeClr val="bg1"/>
                </a:solidFill>
              </a:rPr>
              <a:t>range of health risks and outcomes</a:t>
            </a:r>
          </a:p>
        </p:txBody>
      </p:sp>
      <p:sp>
        <p:nvSpPr>
          <p:cNvPr id="7" name="Content Placeholder 4">
            <a:extLst>
              <a:ext uri="{FF2B5EF4-FFF2-40B4-BE49-F238E27FC236}">
                <a16:creationId xmlns:a16="http://schemas.microsoft.com/office/drawing/2014/main" id="{48F86DD4-8924-004D-AB13-FAE2ECF3E361}"/>
              </a:ext>
            </a:extLst>
          </p:cNvPr>
          <p:cNvSpPr txBox="1">
            <a:spLocks/>
          </p:cNvSpPr>
          <p:nvPr/>
        </p:nvSpPr>
        <p:spPr>
          <a:xfrm>
            <a:off x="370804" y="5664123"/>
            <a:ext cx="6545491" cy="315571"/>
          </a:xfrm>
          <a:prstGeom prst="rect">
            <a:avLst/>
          </a:prstGeom>
        </p:spPr>
        <p:txBody>
          <a:bodyPr vert="horz" lIns="0" tIns="0" rIns="0" bIns="0" rtlCol="0">
            <a:no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indent="0">
              <a:buFont typeface="Verdana" panose="020B0604030504040204" pitchFamily="34" charset="0"/>
              <a:buNone/>
            </a:pPr>
            <a:r>
              <a:rPr lang="en-US" sz="900" dirty="0">
                <a:solidFill>
                  <a:schemeClr val="bg1">
                    <a:lumMod val="65000"/>
                  </a:schemeClr>
                </a:solidFill>
              </a:rPr>
              <a:t>Addressing Social Determinants of Health within Your Practice (https://www.cigna.com/static/www-cigna-com/docs/sdoh-provider-white-digital-magazine.pdf)</a:t>
            </a:r>
          </a:p>
        </p:txBody>
      </p:sp>
      <p:sp>
        <p:nvSpPr>
          <p:cNvPr id="9" name="Content Placeholder 4">
            <a:extLst>
              <a:ext uri="{FF2B5EF4-FFF2-40B4-BE49-F238E27FC236}">
                <a16:creationId xmlns:a16="http://schemas.microsoft.com/office/drawing/2014/main" id="{8E9D2828-C675-1745-B66F-323F6148F404}"/>
              </a:ext>
            </a:extLst>
          </p:cNvPr>
          <p:cNvSpPr txBox="1">
            <a:spLocks/>
          </p:cNvSpPr>
          <p:nvPr/>
        </p:nvSpPr>
        <p:spPr>
          <a:xfrm>
            <a:off x="754722" y="1358039"/>
            <a:ext cx="2888827" cy="1505033"/>
          </a:xfrm>
          <a:prstGeom prst="rect">
            <a:avLst/>
          </a:prstGeom>
        </p:spPr>
        <p:txBody>
          <a:bodyPr vert="horz" lIns="0" tIns="0" rIns="0" bIns="0" rtlCol="0">
            <a:no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indent="0">
              <a:buFont typeface="Verdana" panose="020B0604030504040204" pitchFamily="34" charset="0"/>
              <a:buNone/>
            </a:pPr>
            <a:r>
              <a:rPr lang="en-US" sz="2000" b="1" dirty="0">
                <a:solidFill>
                  <a:schemeClr val="tx1"/>
                </a:solidFill>
              </a:rPr>
              <a:t>HEALTH DISPARITIES:</a:t>
            </a:r>
          </a:p>
          <a:p>
            <a:pPr marL="0" indent="0">
              <a:buFont typeface="Verdana" panose="020B0604030504040204" pitchFamily="34" charset="0"/>
              <a:buNone/>
            </a:pPr>
            <a:endParaRPr lang="en-US" dirty="0">
              <a:solidFill>
                <a:schemeClr val="tx1"/>
              </a:solidFill>
            </a:endParaRPr>
          </a:p>
          <a:p>
            <a:pPr marL="0" indent="0" algn="r">
              <a:buFont typeface="Verdana" panose="020B0604030504040204" pitchFamily="34" charset="0"/>
              <a:buNone/>
            </a:pPr>
            <a:r>
              <a:rPr lang="en-US" dirty="0">
                <a:solidFill>
                  <a:schemeClr val="tx1"/>
                </a:solidFill>
              </a:rPr>
              <a:t>avoidable and unfair differences in health status between segments of the population</a:t>
            </a:r>
          </a:p>
        </p:txBody>
      </p:sp>
      <p:sp>
        <p:nvSpPr>
          <p:cNvPr id="10" name="Content Placeholder 4">
            <a:extLst>
              <a:ext uri="{FF2B5EF4-FFF2-40B4-BE49-F238E27FC236}">
                <a16:creationId xmlns:a16="http://schemas.microsoft.com/office/drawing/2014/main" id="{A3626F7B-44B4-624D-8222-9AD61C230E09}"/>
              </a:ext>
            </a:extLst>
          </p:cNvPr>
          <p:cNvSpPr txBox="1">
            <a:spLocks/>
          </p:cNvSpPr>
          <p:nvPr/>
        </p:nvSpPr>
        <p:spPr>
          <a:xfrm>
            <a:off x="4359072" y="3535904"/>
            <a:ext cx="2888827" cy="1678708"/>
          </a:xfrm>
          <a:prstGeom prst="rect">
            <a:avLst/>
          </a:prstGeom>
        </p:spPr>
        <p:txBody>
          <a:bodyPr vert="horz" lIns="0" tIns="0" rIns="0" bIns="0" rtlCol="0">
            <a:no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indent="0">
              <a:buFont typeface="Verdana" panose="020B0604030504040204" pitchFamily="34" charset="0"/>
              <a:buNone/>
            </a:pPr>
            <a:r>
              <a:rPr lang="en-US" sz="2000" b="1" dirty="0">
                <a:solidFill>
                  <a:schemeClr val="bg1"/>
                </a:solidFill>
              </a:rPr>
              <a:t>CULTURAL</a:t>
            </a:r>
            <a:r>
              <a:rPr lang="en-US" sz="1800" b="1" dirty="0">
                <a:solidFill>
                  <a:schemeClr val="bg1"/>
                </a:solidFill>
              </a:rPr>
              <a:t> COMPETENCIES</a:t>
            </a:r>
            <a:r>
              <a:rPr lang="en-US" b="1" dirty="0">
                <a:solidFill>
                  <a:schemeClr val="bg1"/>
                </a:solidFill>
              </a:rPr>
              <a:t>:</a:t>
            </a:r>
          </a:p>
          <a:p>
            <a:pPr marL="0" indent="0">
              <a:buFont typeface="Verdana" panose="020B0604030504040204" pitchFamily="34" charset="0"/>
              <a:buNone/>
            </a:pPr>
            <a:r>
              <a:rPr lang="en-US" dirty="0">
                <a:solidFill>
                  <a:schemeClr val="bg1"/>
                </a:solidFill>
              </a:rPr>
              <a:t>the ability to understand, communicate with and effectively interact with people across cultures</a:t>
            </a:r>
          </a:p>
        </p:txBody>
      </p:sp>
      <p:sp>
        <p:nvSpPr>
          <p:cNvPr id="11" name="Content Placeholder 4">
            <a:extLst>
              <a:ext uri="{FF2B5EF4-FFF2-40B4-BE49-F238E27FC236}">
                <a16:creationId xmlns:a16="http://schemas.microsoft.com/office/drawing/2014/main" id="{15157CD1-E879-5B46-B9CF-402FFF91B055}"/>
              </a:ext>
            </a:extLst>
          </p:cNvPr>
          <p:cNvSpPr txBox="1">
            <a:spLocks/>
          </p:cNvSpPr>
          <p:nvPr/>
        </p:nvSpPr>
        <p:spPr>
          <a:xfrm>
            <a:off x="4501008" y="1358039"/>
            <a:ext cx="2618902" cy="1226532"/>
          </a:xfrm>
          <a:prstGeom prst="rect">
            <a:avLst/>
          </a:prstGeom>
        </p:spPr>
        <p:txBody>
          <a:bodyPr vert="horz" lIns="0" tIns="0" rIns="0" bIns="0" rtlCol="0">
            <a:no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pPr marL="0" indent="0">
              <a:buFont typeface="Verdana" panose="020B0604030504040204" pitchFamily="34" charset="0"/>
              <a:buNone/>
            </a:pPr>
            <a:r>
              <a:rPr lang="en-US" sz="2000" b="1" dirty="0">
                <a:solidFill>
                  <a:schemeClr val="accent3"/>
                </a:solidFill>
              </a:rPr>
              <a:t>HEALTH EQUITY:</a:t>
            </a:r>
          </a:p>
          <a:p>
            <a:pPr marL="0" indent="0">
              <a:buFont typeface="Verdana" panose="020B0604030504040204" pitchFamily="34" charset="0"/>
              <a:buNone/>
            </a:pPr>
            <a:endParaRPr lang="en-US" sz="2000" b="1" dirty="0">
              <a:solidFill>
                <a:schemeClr val="accent3"/>
              </a:solidFill>
            </a:endParaRPr>
          </a:p>
          <a:p>
            <a:pPr marL="0" indent="0" algn="r">
              <a:buFont typeface="Verdana" panose="020B0604030504040204" pitchFamily="34" charset="0"/>
              <a:buNone/>
            </a:pPr>
            <a:r>
              <a:rPr lang="en-US" dirty="0">
                <a:solidFill>
                  <a:schemeClr val="accent3"/>
                </a:solidFill>
              </a:rPr>
              <a:t>the attainment of the highest level of health for all people</a:t>
            </a:r>
          </a:p>
        </p:txBody>
      </p:sp>
      <p:sp>
        <p:nvSpPr>
          <p:cNvPr id="20" name="Slide Number Placeholder 4">
            <a:extLst>
              <a:ext uri="{FF2B5EF4-FFF2-40B4-BE49-F238E27FC236}">
                <a16:creationId xmlns:a16="http://schemas.microsoft.com/office/drawing/2014/main" id="{18EBFD15-7118-8E44-9C59-CBC1EE914EB6}"/>
              </a:ext>
            </a:extLst>
          </p:cNvPr>
          <p:cNvSpPr txBox="1">
            <a:spLocks/>
          </p:cNvSpPr>
          <p:nvPr/>
        </p:nvSpPr>
        <p:spPr>
          <a:xfrm>
            <a:off x="11469019" y="6315328"/>
            <a:ext cx="358880" cy="179833"/>
          </a:xfrm>
          <a:prstGeom prst="rect">
            <a:avLst/>
          </a:prstGeom>
        </p:spPr>
        <p:txBody>
          <a:bodyPr vert="horz" lIns="0" tIns="0" rIns="0" bIns="0" rtlCol="0" anchor="b" anchorCtr="0"/>
          <a:lstStyle>
            <a:defPPr>
              <a:defRPr lang="en-US"/>
            </a:defPPr>
            <a:lvl1pPr marL="0" algn="r" defTabSz="914400" rtl="0" eaLnBrk="1" latinLnBrk="0" hangingPunct="1">
              <a:defRPr sz="800" b="1" kern="1200" spc="0" baseline="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607348"/>
            <a:fld id="{933D77C5-7D33-F54D-9A33-ABFE7C9FDC16}" type="slidenum">
              <a:rPr lang="en-US" sz="799">
                <a:solidFill>
                  <a:schemeClr val="bg1"/>
                </a:solidFill>
                <a:cs typeface="Arial" charset="0"/>
              </a:rPr>
              <a:pPr defTabSz="607348"/>
              <a:t>3</a:t>
            </a:fld>
            <a:endParaRPr lang="en-US" sz="799" dirty="0">
              <a:solidFill>
                <a:schemeClr val="bg1"/>
              </a:solidFill>
              <a:cs typeface="Arial" charset="0"/>
            </a:endParaRPr>
          </a:p>
        </p:txBody>
      </p:sp>
      <p:sp>
        <p:nvSpPr>
          <p:cNvPr id="4" name="TextBox 3"/>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3" name="Picture 2"/>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6" name="TextBox 5"/>
          <p:cNvSpPr txBox="1"/>
          <p:nvPr/>
        </p:nvSpPr>
        <p:spPr>
          <a:xfrm>
            <a:off x="3857436" y="6207771"/>
            <a:ext cx="3416608" cy="390272"/>
          </a:xfrm>
          <a:prstGeom prst="rect">
            <a:avLst/>
          </a:prstGeom>
          <a:solidFill>
            <a:schemeClr val="bg1"/>
          </a:solidFill>
        </p:spPr>
        <p:txBody>
          <a:bodyPr wrap="square" lIns="0" tIns="0" rIns="0" bIns="0" rtlCol="0">
            <a:spAutoFit/>
          </a:bodyPr>
          <a:lstStyle/>
          <a:p>
            <a:pPr algn="l"/>
            <a:endParaRPr lang="en-US" sz="1600" dirty="0" err="1"/>
          </a:p>
        </p:txBody>
      </p:sp>
      <p:pic>
        <p:nvPicPr>
          <p:cNvPr id="19" name="Picture Placeholder 18" descr="A picture containing tree, outdoor, person&#10;&#10;Description automatically generated">
            <a:extLst>
              <a:ext uri="{FF2B5EF4-FFF2-40B4-BE49-F238E27FC236}">
                <a16:creationId xmlns:a16="http://schemas.microsoft.com/office/drawing/2014/main" id="{D5B1F42D-4041-1142-897E-6D4C8167BD1E}"/>
              </a:ext>
            </a:extLst>
          </p:cNvPr>
          <p:cNvPicPr>
            <a:picLocks noGrp="1" noChangeAspect="1"/>
          </p:cNvPicPr>
          <p:nvPr>
            <p:ph type="pic" sz="quarter" idx="16"/>
          </p:nvPr>
        </p:nvPicPr>
        <p:blipFill rotWithShape="1">
          <a:blip r:embed="rId4" cstate="print">
            <a:extLst>
              <a:ext uri="{28A0092B-C50C-407E-A947-70E740481C1C}">
                <a14:useLocalDpi xmlns:a14="http://schemas.microsoft.com/office/drawing/2010/main"/>
              </a:ext>
            </a:extLst>
          </a:blip>
          <a:srcRect l="41819" t="15812" r="15533" b="1022"/>
          <a:stretch/>
        </p:blipFill>
        <p:spPr>
          <a:xfrm>
            <a:off x="6916296" y="0"/>
            <a:ext cx="5275704" cy="6858000"/>
          </a:xfrm>
        </p:spPr>
      </p:pic>
    </p:spTree>
    <p:extLst>
      <p:ext uri="{BB962C8B-B14F-4D97-AF65-F5344CB8AC3E}">
        <p14:creationId xmlns:p14="http://schemas.microsoft.com/office/powerpoint/2010/main" val="55986671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3" name="Rectangle 52">
            <a:extLst>
              <a:ext uri="{FF2B5EF4-FFF2-40B4-BE49-F238E27FC236}">
                <a16:creationId xmlns:a16="http://schemas.microsoft.com/office/drawing/2014/main" id="{B9526DF7-82BE-4B2A-B36C-C519ED7F0B32}"/>
              </a:ext>
            </a:extLst>
          </p:cNvPr>
          <p:cNvSpPr/>
          <p:nvPr/>
        </p:nvSpPr>
        <p:spPr>
          <a:xfrm>
            <a:off x="0" y="1343333"/>
            <a:ext cx="12192000" cy="3647023"/>
          </a:xfrm>
          <a:prstGeom prst="rect">
            <a:avLst/>
          </a:prstGeom>
          <a:solidFill>
            <a:schemeClr val="bg2">
              <a:lumMod val="90000"/>
              <a:alpha val="50000"/>
            </a:schemeClr>
          </a:solidFill>
        </p:spPr>
        <p:txBody>
          <a:bodyPr wrap="square" lIns="121920" tIns="121920" rIns="121920" bIns="121920" rtlCol="0" anchor="ctr">
            <a:noAutofit/>
          </a:bodyPr>
          <a:lstStyle/>
          <a:p>
            <a:pPr algn="ctr" defTabSz="1219018">
              <a:lnSpc>
                <a:spcPct val="90000"/>
              </a:lnSpc>
              <a:spcAft>
                <a:spcPts val="933"/>
              </a:spcAft>
              <a:defRPr/>
            </a:pPr>
            <a:endParaRPr lang="en-US" sz="2400" dirty="0" err="1">
              <a:solidFill>
                <a:srgbClr val="FFFFFF"/>
              </a:solidFill>
              <a:latin typeface="Franklin Gothic Book"/>
            </a:endParaRPr>
          </a:p>
        </p:txBody>
      </p:sp>
      <p:sp>
        <p:nvSpPr>
          <p:cNvPr id="6" name="Title 5">
            <a:extLst>
              <a:ext uri="{FF2B5EF4-FFF2-40B4-BE49-F238E27FC236}">
                <a16:creationId xmlns:a16="http://schemas.microsoft.com/office/drawing/2014/main" id="{C4389048-4136-4EC5-BC68-092D2C9435C7}"/>
              </a:ext>
            </a:extLst>
          </p:cNvPr>
          <p:cNvSpPr>
            <a:spLocks noGrp="1"/>
          </p:cNvSpPr>
          <p:nvPr>
            <p:ph type="title"/>
          </p:nvPr>
        </p:nvSpPr>
        <p:spPr/>
        <p:txBody>
          <a:bodyPr/>
          <a:lstStyle/>
          <a:p>
            <a:r>
              <a:rPr lang="en-US" dirty="0"/>
              <a:t>Underlying factors impacting member health</a:t>
            </a:r>
          </a:p>
        </p:txBody>
      </p:sp>
      <p:sp>
        <p:nvSpPr>
          <p:cNvPr id="9" name="TextBox 8">
            <a:extLst>
              <a:ext uri="{FF2B5EF4-FFF2-40B4-BE49-F238E27FC236}">
                <a16:creationId xmlns:a16="http://schemas.microsoft.com/office/drawing/2014/main" id="{0046E4B9-5DC9-474A-9FC5-3D37C2707C83}"/>
              </a:ext>
            </a:extLst>
          </p:cNvPr>
          <p:cNvSpPr txBox="1"/>
          <p:nvPr/>
        </p:nvSpPr>
        <p:spPr>
          <a:xfrm>
            <a:off x="1353454" y="1732684"/>
            <a:ext cx="2542108" cy="1097736"/>
          </a:xfrm>
          <a:prstGeom prst="rect">
            <a:avLst/>
          </a:prstGeom>
          <a:noFill/>
        </p:spPr>
        <p:txBody>
          <a:bodyPr wrap="square" lIns="0" tIns="0" rIns="0" bIns="0" rtlCol="0">
            <a:spAutoFit/>
          </a:bodyPr>
          <a:lstStyle/>
          <a:p>
            <a:pPr defTabSz="1219170">
              <a:defRPr/>
            </a:pPr>
            <a:r>
              <a:rPr lang="en-US" sz="3733" cap="all" dirty="0">
                <a:solidFill>
                  <a:srgbClr val="E5E5E5">
                    <a:lumMod val="50000"/>
                  </a:srgbClr>
                </a:solidFill>
                <a:latin typeface="Franklin Gothic Demi Cond" panose="020B0706030402020204" pitchFamily="34" charset="0"/>
              </a:rPr>
              <a:t>20%</a:t>
            </a:r>
          </a:p>
          <a:p>
            <a:pPr defTabSz="1219170">
              <a:spcAft>
                <a:spcPts val="400"/>
              </a:spcAft>
              <a:defRPr/>
            </a:pPr>
            <a:r>
              <a:rPr lang="en-US" sz="1600" dirty="0">
                <a:solidFill>
                  <a:srgbClr val="000000"/>
                </a:solidFill>
                <a:latin typeface="Franklin Gothic Medium"/>
              </a:rPr>
              <a:t>Clinical care</a:t>
            </a:r>
            <a:r>
              <a:rPr lang="en-US" sz="1600" baseline="30000" dirty="0">
                <a:solidFill>
                  <a:srgbClr val="000000"/>
                </a:solidFill>
                <a:latin typeface="Franklin Gothic Medium"/>
              </a:rPr>
              <a:t>2</a:t>
            </a:r>
          </a:p>
          <a:p>
            <a:pPr marL="121917" indent="-121917" defTabSz="1219170">
              <a:buFont typeface="Arial" panose="020B0604020202020204" pitchFamily="34" charset="0"/>
              <a:buChar char="•"/>
              <a:defRPr/>
            </a:pPr>
            <a:r>
              <a:rPr lang="en-US" sz="1467" dirty="0">
                <a:solidFill>
                  <a:srgbClr val="000000"/>
                </a:solidFill>
                <a:latin typeface="Franklin Gothic Book"/>
              </a:rPr>
              <a:t>Primary and specialty care</a:t>
            </a:r>
          </a:p>
        </p:txBody>
      </p:sp>
      <p:sp>
        <p:nvSpPr>
          <p:cNvPr id="14" name="TextBox 13">
            <a:extLst>
              <a:ext uri="{FF2B5EF4-FFF2-40B4-BE49-F238E27FC236}">
                <a16:creationId xmlns:a16="http://schemas.microsoft.com/office/drawing/2014/main" id="{79944D97-5038-4E8A-83E8-1728B65F1A5F}"/>
              </a:ext>
            </a:extLst>
          </p:cNvPr>
          <p:cNvSpPr txBox="1"/>
          <p:nvPr/>
        </p:nvSpPr>
        <p:spPr>
          <a:xfrm>
            <a:off x="1353454" y="3128480"/>
            <a:ext cx="2291447" cy="1718612"/>
          </a:xfrm>
          <a:prstGeom prst="rect">
            <a:avLst/>
          </a:prstGeom>
          <a:noFill/>
        </p:spPr>
        <p:txBody>
          <a:bodyPr wrap="square" lIns="0" tIns="0" rIns="0" bIns="0" rtlCol="0">
            <a:spAutoFit/>
          </a:bodyPr>
          <a:lstStyle/>
          <a:p>
            <a:pPr defTabSz="1219170">
              <a:defRPr/>
            </a:pPr>
            <a:r>
              <a:rPr lang="en-US" sz="3733" cap="all" dirty="0">
                <a:solidFill>
                  <a:schemeClr val="accent2"/>
                </a:solidFill>
                <a:latin typeface="Franklin Gothic Demi Cond" panose="020B0706030402020204" pitchFamily="34" charset="0"/>
              </a:rPr>
              <a:t>30%</a:t>
            </a:r>
          </a:p>
          <a:p>
            <a:pPr defTabSz="1219170">
              <a:spcAft>
                <a:spcPts val="400"/>
              </a:spcAft>
              <a:defRPr/>
            </a:pPr>
            <a:r>
              <a:rPr lang="en-US" sz="1867" dirty="0">
                <a:solidFill>
                  <a:srgbClr val="000000"/>
                </a:solidFill>
                <a:latin typeface="Franklin Gothic Medium"/>
              </a:rPr>
              <a:t>Health and behaviors</a:t>
            </a:r>
            <a:r>
              <a:rPr lang="en-US" sz="1867" baseline="30000" dirty="0">
                <a:solidFill>
                  <a:srgbClr val="000000"/>
                </a:solidFill>
                <a:latin typeface="Franklin Gothic Medium"/>
              </a:rPr>
              <a:t>2</a:t>
            </a:r>
          </a:p>
          <a:p>
            <a:pPr marL="121917" indent="-121917" defTabSz="1219170">
              <a:spcAft>
                <a:spcPts val="533"/>
              </a:spcAft>
              <a:buFont typeface="Arial" panose="020B0604020202020204" pitchFamily="34" charset="0"/>
              <a:buChar char="•"/>
              <a:defRPr/>
            </a:pPr>
            <a:r>
              <a:rPr lang="en-US" sz="1467" dirty="0">
                <a:solidFill>
                  <a:srgbClr val="000000"/>
                </a:solidFill>
                <a:latin typeface="Franklin Gothic Book"/>
              </a:rPr>
              <a:t>Food access</a:t>
            </a:r>
          </a:p>
          <a:p>
            <a:pPr marL="121917" indent="-121917" defTabSz="1219170">
              <a:spcAft>
                <a:spcPts val="533"/>
              </a:spcAft>
              <a:buFont typeface="Arial" panose="020B0604020202020204" pitchFamily="34" charset="0"/>
              <a:buChar char="•"/>
              <a:defRPr/>
            </a:pPr>
            <a:r>
              <a:rPr lang="en-US" sz="1467" dirty="0">
                <a:solidFill>
                  <a:srgbClr val="000000"/>
                </a:solidFill>
                <a:latin typeface="Franklin Gothic Book"/>
              </a:rPr>
              <a:t>Access to care</a:t>
            </a:r>
          </a:p>
          <a:p>
            <a:pPr marL="121917" indent="-121917" defTabSz="1219170">
              <a:spcAft>
                <a:spcPts val="533"/>
              </a:spcAft>
              <a:buFont typeface="Arial" panose="020B0604020202020204" pitchFamily="34" charset="0"/>
              <a:buChar char="•"/>
              <a:defRPr/>
            </a:pPr>
            <a:r>
              <a:rPr lang="en-US" sz="1467" dirty="0">
                <a:solidFill>
                  <a:srgbClr val="000000"/>
                </a:solidFill>
                <a:latin typeface="Franklin Gothic Book"/>
              </a:rPr>
              <a:t>Smoking</a:t>
            </a:r>
          </a:p>
        </p:txBody>
      </p:sp>
      <p:grpSp>
        <p:nvGrpSpPr>
          <p:cNvPr id="15" name="Group 14">
            <a:extLst>
              <a:ext uri="{FF2B5EF4-FFF2-40B4-BE49-F238E27FC236}">
                <a16:creationId xmlns:a16="http://schemas.microsoft.com/office/drawing/2014/main" id="{BF640939-FADA-44BE-A6B6-10859E3DF8CB}"/>
              </a:ext>
            </a:extLst>
          </p:cNvPr>
          <p:cNvGrpSpPr/>
          <p:nvPr/>
        </p:nvGrpSpPr>
        <p:grpSpPr>
          <a:xfrm>
            <a:off x="4042764" y="1426944"/>
            <a:ext cx="3479800" cy="3479800"/>
            <a:chOff x="3267075" y="1172424"/>
            <a:chExt cx="2609850" cy="2609850"/>
          </a:xfrm>
        </p:grpSpPr>
        <p:graphicFrame>
          <p:nvGraphicFramePr>
            <p:cNvPr id="79" name="Chart 78">
              <a:extLst>
                <a:ext uri="{FF2B5EF4-FFF2-40B4-BE49-F238E27FC236}">
                  <a16:creationId xmlns:a16="http://schemas.microsoft.com/office/drawing/2014/main" id="{0DFB369D-49A3-47C5-B6D1-AC727AFFAD0E}"/>
                </a:ext>
              </a:extLst>
            </p:cNvPr>
            <p:cNvGraphicFramePr/>
            <p:nvPr>
              <p:extLst>
                <p:ext uri="{D42A27DB-BD31-4B8C-83A1-F6EECF244321}">
                  <p14:modId xmlns:p14="http://schemas.microsoft.com/office/powerpoint/2010/main" val="3254062833"/>
                </p:ext>
              </p:extLst>
            </p:nvPr>
          </p:nvGraphicFramePr>
          <p:xfrm>
            <a:off x="3267075" y="1172424"/>
            <a:ext cx="2609850" cy="2609850"/>
          </p:xfrm>
          <a:graphic>
            <a:graphicData uri="http://schemas.openxmlformats.org/drawingml/2006/chart">
              <c:chart xmlns:c="http://schemas.openxmlformats.org/drawingml/2006/chart" xmlns:r="http://schemas.openxmlformats.org/officeDocument/2006/relationships" r:id="rId3"/>
            </a:graphicData>
          </a:graphic>
        </p:graphicFrame>
        <p:sp>
          <p:nvSpPr>
            <p:cNvPr id="48" name="TextBox 47">
              <a:extLst>
                <a:ext uri="{FF2B5EF4-FFF2-40B4-BE49-F238E27FC236}">
                  <a16:creationId xmlns:a16="http://schemas.microsoft.com/office/drawing/2014/main" id="{5B92F2D8-95EA-4832-B4CA-DA95F63DEBCA}"/>
                </a:ext>
              </a:extLst>
            </p:cNvPr>
            <p:cNvSpPr txBox="1"/>
            <p:nvPr/>
          </p:nvSpPr>
          <p:spPr>
            <a:xfrm>
              <a:off x="3790950" y="1745094"/>
              <a:ext cx="1562100" cy="1415965"/>
            </a:xfrm>
            <a:prstGeom prst="rect">
              <a:avLst/>
            </a:prstGeom>
            <a:noFill/>
          </p:spPr>
          <p:txBody>
            <a:bodyPr wrap="square" lIns="0" tIns="0" rIns="0" bIns="0" rtlCol="0">
              <a:spAutoFit/>
            </a:bodyPr>
            <a:lstStyle/>
            <a:p>
              <a:pPr algn="ctr" defTabSz="1219170">
                <a:defRPr/>
              </a:pPr>
              <a:r>
                <a:rPr lang="en-US" sz="6400" cap="all" dirty="0">
                  <a:latin typeface="Franklin Gothic Demi Cond" panose="020B0706030402020204" pitchFamily="34" charset="0"/>
                </a:rPr>
                <a:t>80%</a:t>
              </a:r>
              <a:r>
                <a:rPr lang="en-US" sz="6400" b="1" dirty="0">
                  <a:solidFill>
                    <a:srgbClr val="000000"/>
                  </a:solidFill>
                  <a:latin typeface="Arial"/>
                  <a:ea typeface="MS Gothic"/>
                </a:rPr>
                <a:t> </a:t>
              </a:r>
            </a:p>
            <a:p>
              <a:pPr algn="ctr" defTabSz="1219170">
                <a:defRPr/>
              </a:pPr>
              <a:r>
                <a:rPr lang="en-US" sz="1467" dirty="0">
                  <a:solidFill>
                    <a:srgbClr val="000000"/>
                  </a:solidFill>
                  <a:latin typeface="Franklin Gothic Book"/>
                  <a:ea typeface="MS Gothic"/>
                </a:rPr>
                <a:t>of people’s health </a:t>
              </a:r>
              <a:br>
                <a:rPr lang="en-US" sz="1467" dirty="0">
                  <a:solidFill>
                    <a:srgbClr val="000000"/>
                  </a:solidFill>
                  <a:latin typeface="Franklin Gothic Book"/>
                  <a:ea typeface="MS Gothic"/>
                </a:rPr>
              </a:br>
              <a:r>
                <a:rPr lang="en-US" sz="1467" dirty="0">
                  <a:solidFill>
                    <a:srgbClr val="000000"/>
                  </a:solidFill>
                  <a:latin typeface="Franklin Gothic Book"/>
                  <a:ea typeface="MS Gothic"/>
                </a:rPr>
                <a:t>is affected by what happens outside the clinical setting</a:t>
              </a:r>
              <a:r>
                <a:rPr lang="en-US" sz="1467" baseline="30000" dirty="0">
                  <a:solidFill>
                    <a:srgbClr val="000000"/>
                  </a:solidFill>
                  <a:latin typeface="Franklin Gothic Book"/>
                  <a:ea typeface="MS Gothic"/>
                </a:rPr>
                <a:t>1</a:t>
              </a:r>
              <a:endParaRPr lang="en-US" sz="2667" baseline="30000" dirty="0">
                <a:solidFill>
                  <a:srgbClr val="000000"/>
                </a:solidFill>
                <a:latin typeface="Franklin Gothic Book"/>
                <a:ea typeface="MS Gothic"/>
              </a:endParaRPr>
            </a:p>
          </p:txBody>
        </p:sp>
      </p:grpSp>
      <p:grpSp>
        <p:nvGrpSpPr>
          <p:cNvPr id="13" name="Group 12">
            <a:extLst>
              <a:ext uri="{FF2B5EF4-FFF2-40B4-BE49-F238E27FC236}">
                <a16:creationId xmlns:a16="http://schemas.microsoft.com/office/drawing/2014/main" id="{315946EC-7E23-4853-BDCA-B387E8668574}"/>
              </a:ext>
            </a:extLst>
          </p:cNvPr>
          <p:cNvGrpSpPr/>
          <p:nvPr/>
        </p:nvGrpSpPr>
        <p:grpSpPr>
          <a:xfrm>
            <a:off x="479397" y="1782089"/>
            <a:ext cx="731329" cy="731329"/>
            <a:chOff x="359547" y="1336566"/>
            <a:chExt cx="548497" cy="548497"/>
          </a:xfrm>
        </p:grpSpPr>
        <p:sp>
          <p:nvSpPr>
            <p:cNvPr id="3" name="Oval 2">
              <a:extLst>
                <a:ext uri="{FF2B5EF4-FFF2-40B4-BE49-F238E27FC236}">
                  <a16:creationId xmlns:a16="http://schemas.microsoft.com/office/drawing/2014/main" id="{8E4CF56B-20FF-4201-B552-D88A42503E22}"/>
                </a:ext>
              </a:extLst>
            </p:cNvPr>
            <p:cNvSpPr/>
            <p:nvPr/>
          </p:nvSpPr>
          <p:spPr>
            <a:xfrm>
              <a:off x="359547" y="1336566"/>
              <a:ext cx="548497" cy="548497"/>
            </a:xfrm>
            <a:prstGeom prst="ellipse">
              <a:avLst/>
            </a:prstGeom>
            <a:solidFill>
              <a:schemeClr val="bg1"/>
            </a:solidFill>
            <a:ln w="53975">
              <a:solidFill>
                <a:schemeClr val="bg2"/>
              </a:solidFill>
            </a:ln>
          </p:spPr>
          <p:txBody>
            <a:bodyPr wrap="square" lIns="121920" tIns="121920" rIns="121920" bIns="121920" rtlCol="0" anchor="ctr">
              <a:noAutofit/>
            </a:bodyPr>
            <a:lstStyle/>
            <a:p>
              <a:pPr algn="ctr" defTabSz="1219018">
                <a:lnSpc>
                  <a:spcPct val="90000"/>
                </a:lnSpc>
                <a:spcAft>
                  <a:spcPts val="933"/>
                </a:spcAft>
                <a:defRPr/>
              </a:pPr>
              <a:endParaRPr lang="en-US" sz="2400" dirty="0" err="1">
                <a:solidFill>
                  <a:srgbClr val="FFFFFF"/>
                </a:solidFill>
                <a:latin typeface="Franklin Gothic Book"/>
              </a:endParaRPr>
            </a:p>
          </p:txBody>
        </p:sp>
        <p:sp>
          <p:nvSpPr>
            <p:cNvPr id="5" name="Graphic 3">
              <a:extLst>
                <a:ext uri="{FF2B5EF4-FFF2-40B4-BE49-F238E27FC236}">
                  <a16:creationId xmlns:a16="http://schemas.microsoft.com/office/drawing/2014/main" id="{4751E7C4-DB61-403E-B76D-3E0A67EDD236}"/>
                </a:ext>
              </a:extLst>
            </p:cNvPr>
            <p:cNvSpPr/>
            <p:nvPr/>
          </p:nvSpPr>
          <p:spPr>
            <a:xfrm>
              <a:off x="545227" y="1471823"/>
              <a:ext cx="177136" cy="277982"/>
            </a:xfrm>
            <a:custGeom>
              <a:avLst/>
              <a:gdLst>
                <a:gd name="connsiteX0" fmla="*/ 607241 w 627507"/>
                <a:gd name="connsiteY0" fmla="*/ -2455 h 984754"/>
                <a:gd name="connsiteX1" fmla="*/ 487607 w 627507"/>
                <a:gd name="connsiteY1" fmla="*/ -2455 h 984754"/>
                <a:gd name="connsiteX2" fmla="*/ 468557 w 627507"/>
                <a:gd name="connsiteY2" fmla="*/ 16595 h 984754"/>
                <a:gd name="connsiteX3" fmla="*/ 487607 w 627507"/>
                <a:gd name="connsiteY3" fmla="*/ 35645 h 984754"/>
                <a:gd name="connsiteX4" fmla="*/ 588095 w 627507"/>
                <a:gd name="connsiteY4" fmla="*/ 35645 h 984754"/>
                <a:gd name="connsiteX5" fmla="*/ 588095 w 627507"/>
                <a:gd name="connsiteY5" fmla="*/ 171090 h 984754"/>
                <a:gd name="connsiteX6" fmla="*/ 312538 w 627507"/>
                <a:gd name="connsiteY6" fmla="*/ 446650 h 984754"/>
                <a:gd name="connsiteX7" fmla="*/ 36979 w 627507"/>
                <a:gd name="connsiteY7" fmla="*/ 171090 h 984754"/>
                <a:gd name="connsiteX8" fmla="*/ 36979 w 627507"/>
                <a:gd name="connsiteY8" fmla="*/ 35645 h 984754"/>
                <a:gd name="connsiteX9" fmla="*/ 137468 w 627507"/>
                <a:gd name="connsiteY9" fmla="*/ 35645 h 984754"/>
                <a:gd name="connsiteX10" fmla="*/ 156518 w 627507"/>
                <a:gd name="connsiteY10" fmla="*/ 16595 h 984754"/>
                <a:gd name="connsiteX11" fmla="*/ 137468 w 627507"/>
                <a:gd name="connsiteY11" fmla="*/ -2455 h 984754"/>
                <a:gd name="connsiteX12" fmla="*/ 17834 w 627507"/>
                <a:gd name="connsiteY12" fmla="*/ -2455 h 984754"/>
                <a:gd name="connsiteX13" fmla="*/ -1216 w 627507"/>
                <a:gd name="connsiteY13" fmla="*/ 16595 h 984754"/>
                <a:gd name="connsiteX14" fmla="*/ -73 w 627507"/>
                <a:gd name="connsiteY14" fmla="*/ 22978 h 984754"/>
                <a:gd name="connsiteX15" fmla="*/ -1216 w 627507"/>
                <a:gd name="connsiteY15" fmla="*/ 29264 h 984754"/>
                <a:gd name="connsiteX16" fmla="*/ -1216 w 627507"/>
                <a:gd name="connsiteY16" fmla="*/ 171090 h 984754"/>
                <a:gd name="connsiteX17" fmla="*/ 293488 w 627507"/>
                <a:gd name="connsiteY17" fmla="*/ 484178 h 984754"/>
                <a:gd name="connsiteX18" fmla="*/ 293488 w 627507"/>
                <a:gd name="connsiteY18" fmla="*/ 720398 h 984754"/>
                <a:gd name="connsiteX19" fmla="*/ 182331 w 627507"/>
                <a:gd name="connsiteY19" fmla="*/ 869654 h 984754"/>
                <a:gd name="connsiteX20" fmla="*/ 331588 w 627507"/>
                <a:gd name="connsiteY20" fmla="*/ 980906 h 984754"/>
                <a:gd name="connsiteX21" fmla="*/ 442744 w 627507"/>
                <a:gd name="connsiteY21" fmla="*/ 831554 h 984754"/>
                <a:gd name="connsiteX22" fmla="*/ 331588 w 627507"/>
                <a:gd name="connsiteY22" fmla="*/ 720398 h 984754"/>
                <a:gd name="connsiteX23" fmla="*/ 331588 w 627507"/>
                <a:gd name="connsiteY23" fmla="*/ 484178 h 984754"/>
                <a:gd name="connsiteX24" fmla="*/ 626291 w 627507"/>
                <a:gd name="connsiteY24" fmla="*/ 171090 h 984754"/>
                <a:gd name="connsiteX25" fmla="*/ 626291 w 627507"/>
                <a:gd name="connsiteY25" fmla="*/ 29264 h 984754"/>
                <a:gd name="connsiteX26" fmla="*/ 625148 w 627507"/>
                <a:gd name="connsiteY26" fmla="*/ 22978 h 984754"/>
                <a:gd name="connsiteX27" fmla="*/ 626291 w 627507"/>
                <a:gd name="connsiteY27" fmla="*/ 16595 h 984754"/>
                <a:gd name="connsiteX28" fmla="*/ 607241 w 627507"/>
                <a:gd name="connsiteY28" fmla="*/ -2455 h 984754"/>
                <a:gd name="connsiteX29" fmla="*/ 405977 w 627507"/>
                <a:gd name="connsiteY29" fmla="*/ 850795 h 984754"/>
                <a:gd name="connsiteX30" fmla="*/ 312633 w 627507"/>
                <a:gd name="connsiteY30" fmla="*/ 944331 h 984754"/>
                <a:gd name="connsiteX31" fmla="*/ 219097 w 627507"/>
                <a:gd name="connsiteY31" fmla="*/ 850986 h 984754"/>
                <a:gd name="connsiteX32" fmla="*/ 312442 w 627507"/>
                <a:gd name="connsiteY32" fmla="*/ 757449 h 984754"/>
                <a:gd name="connsiteX33" fmla="*/ 312538 w 627507"/>
                <a:gd name="connsiteY33" fmla="*/ 757449 h 984754"/>
                <a:gd name="connsiteX34" fmla="*/ 405977 w 627507"/>
                <a:gd name="connsiteY34" fmla="*/ 850795 h 9847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627507" h="984754">
                  <a:moveTo>
                    <a:pt x="607241" y="-2455"/>
                  </a:moveTo>
                  <a:lnTo>
                    <a:pt x="487607" y="-2455"/>
                  </a:lnTo>
                  <a:cubicBezTo>
                    <a:pt x="477129" y="-2455"/>
                    <a:pt x="468557" y="6118"/>
                    <a:pt x="468557" y="16595"/>
                  </a:cubicBezTo>
                  <a:cubicBezTo>
                    <a:pt x="468557" y="27073"/>
                    <a:pt x="477129" y="35645"/>
                    <a:pt x="487607" y="35645"/>
                  </a:cubicBezTo>
                  <a:lnTo>
                    <a:pt x="588095" y="35645"/>
                  </a:lnTo>
                  <a:lnTo>
                    <a:pt x="588095" y="171090"/>
                  </a:lnTo>
                  <a:cubicBezTo>
                    <a:pt x="588095" y="323301"/>
                    <a:pt x="464747" y="446650"/>
                    <a:pt x="312538" y="446650"/>
                  </a:cubicBezTo>
                  <a:cubicBezTo>
                    <a:pt x="160328" y="446650"/>
                    <a:pt x="36979" y="323301"/>
                    <a:pt x="36979" y="171090"/>
                  </a:cubicBezTo>
                  <a:lnTo>
                    <a:pt x="36979" y="35645"/>
                  </a:lnTo>
                  <a:lnTo>
                    <a:pt x="137468" y="35645"/>
                  </a:lnTo>
                  <a:cubicBezTo>
                    <a:pt x="147945" y="35645"/>
                    <a:pt x="156518" y="27073"/>
                    <a:pt x="156518" y="16595"/>
                  </a:cubicBezTo>
                  <a:cubicBezTo>
                    <a:pt x="156518" y="6118"/>
                    <a:pt x="147945" y="-2455"/>
                    <a:pt x="137468" y="-2455"/>
                  </a:cubicBezTo>
                  <a:lnTo>
                    <a:pt x="17834" y="-2455"/>
                  </a:lnTo>
                  <a:cubicBezTo>
                    <a:pt x="7356" y="-2455"/>
                    <a:pt x="-1216" y="6118"/>
                    <a:pt x="-1216" y="16595"/>
                  </a:cubicBezTo>
                  <a:cubicBezTo>
                    <a:pt x="-1216" y="18785"/>
                    <a:pt x="-835" y="20976"/>
                    <a:pt x="-73" y="22978"/>
                  </a:cubicBezTo>
                  <a:cubicBezTo>
                    <a:pt x="-835" y="24978"/>
                    <a:pt x="-1216" y="27073"/>
                    <a:pt x="-1216" y="29264"/>
                  </a:cubicBezTo>
                  <a:lnTo>
                    <a:pt x="-1216" y="171090"/>
                  </a:lnTo>
                  <a:cubicBezTo>
                    <a:pt x="-930" y="336826"/>
                    <a:pt x="128039" y="473795"/>
                    <a:pt x="293488" y="484178"/>
                  </a:cubicBezTo>
                  <a:lnTo>
                    <a:pt x="293488" y="720398"/>
                  </a:lnTo>
                  <a:cubicBezTo>
                    <a:pt x="221574" y="730874"/>
                    <a:pt x="171758" y="797740"/>
                    <a:pt x="182331" y="869654"/>
                  </a:cubicBezTo>
                  <a:cubicBezTo>
                    <a:pt x="192808" y="941664"/>
                    <a:pt x="259674" y="991384"/>
                    <a:pt x="331588" y="980906"/>
                  </a:cubicBezTo>
                  <a:cubicBezTo>
                    <a:pt x="403501" y="970334"/>
                    <a:pt x="453316" y="903564"/>
                    <a:pt x="442744" y="831554"/>
                  </a:cubicBezTo>
                  <a:cubicBezTo>
                    <a:pt x="434362" y="774023"/>
                    <a:pt x="389118" y="728779"/>
                    <a:pt x="331588" y="720398"/>
                  </a:cubicBezTo>
                  <a:lnTo>
                    <a:pt x="331588" y="484178"/>
                  </a:lnTo>
                  <a:cubicBezTo>
                    <a:pt x="497037" y="473795"/>
                    <a:pt x="626005" y="336826"/>
                    <a:pt x="626291" y="171090"/>
                  </a:cubicBezTo>
                  <a:lnTo>
                    <a:pt x="626291" y="29264"/>
                  </a:lnTo>
                  <a:cubicBezTo>
                    <a:pt x="626291" y="27073"/>
                    <a:pt x="625909" y="24978"/>
                    <a:pt x="625148" y="22978"/>
                  </a:cubicBezTo>
                  <a:cubicBezTo>
                    <a:pt x="625815" y="20883"/>
                    <a:pt x="626195" y="18785"/>
                    <a:pt x="626291" y="16595"/>
                  </a:cubicBezTo>
                  <a:cubicBezTo>
                    <a:pt x="626291" y="6118"/>
                    <a:pt x="617718" y="-2455"/>
                    <a:pt x="607241" y="-2455"/>
                  </a:cubicBezTo>
                  <a:close/>
                  <a:moveTo>
                    <a:pt x="405977" y="850795"/>
                  </a:moveTo>
                  <a:cubicBezTo>
                    <a:pt x="406073" y="902420"/>
                    <a:pt x="364258" y="944236"/>
                    <a:pt x="312633" y="944331"/>
                  </a:cubicBezTo>
                  <a:cubicBezTo>
                    <a:pt x="261007" y="944426"/>
                    <a:pt x="219192" y="902610"/>
                    <a:pt x="219097" y="850986"/>
                  </a:cubicBezTo>
                  <a:cubicBezTo>
                    <a:pt x="219002" y="799361"/>
                    <a:pt x="260817" y="757545"/>
                    <a:pt x="312442" y="757449"/>
                  </a:cubicBezTo>
                  <a:cubicBezTo>
                    <a:pt x="312442" y="757449"/>
                    <a:pt x="312538" y="757449"/>
                    <a:pt x="312538" y="757449"/>
                  </a:cubicBezTo>
                  <a:cubicBezTo>
                    <a:pt x="364067" y="757545"/>
                    <a:pt x="405882" y="799265"/>
                    <a:pt x="405977" y="850795"/>
                  </a:cubicBezTo>
                  <a:close/>
                </a:path>
              </a:pathLst>
            </a:custGeom>
            <a:solidFill>
              <a:schemeClr val="bg2">
                <a:lumMod val="50000"/>
              </a:schemeClr>
            </a:solidFill>
            <a:ln w="9525" cap="flat">
              <a:noFill/>
              <a:prstDash val="solid"/>
              <a:miter/>
            </a:ln>
          </p:spPr>
          <p:txBody>
            <a:bodyPr rtlCol="0" anchor="ctr"/>
            <a:lstStyle/>
            <a:p>
              <a:pPr defTabSz="1219018">
                <a:defRPr/>
              </a:pPr>
              <a:endParaRPr lang="en-US" sz="2400">
                <a:solidFill>
                  <a:srgbClr val="000000"/>
                </a:solidFill>
                <a:latin typeface="Franklin Gothic Book"/>
              </a:endParaRPr>
            </a:p>
          </p:txBody>
        </p:sp>
      </p:grpSp>
      <p:sp>
        <p:nvSpPr>
          <p:cNvPr id="50" name="TextBox 49">
            <a:extLst>
              <a:ext uri="{FF2B5EF4-FFF2-40B4-BE49-F238E27FC236}">
                <a16:creationId xmlns:a16="http://schemas.microsoft.com/office/drawing/2014/main" id="{1D889F3D-8C3A-4D78-849A-4359244C13FB}"/>
              </a:ext>
            </a:extLst>
          </p:cNvPr>
          <p:cNvSpPr txBox="1"/>
          <p:nvPr/>
        </p:nvSpPr>
        <p:spPr>
          <a:xfrm>
            <a:off x="8908074" y="1732684"/>
            <a:ext cx="2542108" cy="1138838"/>
          </a:xfrm>
          <a:prstGeom prst="rect">
            <a:avLst/>
          </a:prstGeom>
          <a:noFill/>
        </p:spPr>
        <p:txBody>
          <a:bodyPr wrap="square" lIns="0" tIns="0" rIns="0" bIns="0" rtlCol="0">
            <a:spAutoFit/>
          </a:bodyPr>
          <a:lstStyle/>
          <a:p>
            <a:pPr defTabSz="1219170">
              <a:defRPr/>
            </a:pPr>
            <a:r>
              <a:rPr lang="en-US" sz="3733" cap="all" dirty="0">
                <a:solidFill>
                  <a:srgbClr val="009BDF">
                    <a:lumMod val="60000"/>
                    <a:lumOff val="40000"/>
                  </a:srgbClr>
                </a:solidFill>
                <a:latin typeface="Franklin Gothic Demi Cond" panose="020B0706030402020204" pitchFamily="34" charset="0"/>
              </a:rPr>
              <a:t>10%</a:t>
            </a:r>
          </a:p>
          <a:p>
            <a:pPr defTabSz="1219170">
              <a:spcAft>
                <a:spcPts val="400"/>
              </a:spcAft>
              <a:defRPr/>
            </a:pPr>
            <a:r>
              <a:rPr lang="en-US" sz="1867" dirty="0">
                <a:solidFill>
                  <a:srgbClr val="000000"/>
                </a:solidFill>
                <a:latin typeface="Franklin Gothic Medium"/>
              </a:rPr>
              <a:t>Physical</a:t>
            </a:r>
            <a:r>
              <a:rPr lang="en-US" sz="1867" baseline="30000" dirty="0">
                <a:solidFill>
                  <a:srgbClr val="000000"/>
                </a:solidFill>
                <a:latin typeface="Franklin Gothic Medium"/>
              </a:rPr>
              <a:t>2</a:t>
            </a:r>
          </a:p>
          <a:p>
            <a:pPr marL="121917" indent="-121917" defTabSz="1219170">
              <a:buFont typeface="Arial" panose="020B0604020202020204" pitchFamily="34" charset="0"/>
              <a:buChar char="•"/>
              <a:defRPr/>
            </a:pPr>
            <a:r>
              <a:rPr lang="en-US" sz="1467" dirty="0">
                <a:solidFill>
                  <a:srgbClr val="000000"/>
                </a:solidFill>
                <a:latin typeface="Franklin Gothic Book"/>
              </a:rPr>
              <a:t>Environment and safety</a:t>
            </a:r>
          </a:p>
        </p:txBody>
      </p:sp>
      <p:sp>
        <p:nvSpPr>
          <p:cNvPr id="54" name="TextBox 53">
            <a:extLst>
              <a:ext uri="{FF2B5EF4-FFF2-40B4-BE49-F238E27FC236}">
                <a16:creationId xmlns:a16="http://schemas.microsoft.com/office/drawing/2014/main" id="{822D25FB-C36C-4D93-85F9-76B1C48DEDBA}"/>
              </a:ext>
            </a:extLst>
          </p:cNvPr>
          <p:cNvSpPr txBox="1"/>
          <p:nvPr/>
        </p:nvSpPr>
        <p:spPr>
          <a:xfrm>
            <a:off x="8930656" y="3128480"/>
            <a:ext cx="3061707" cy="841128"/>
          </a:xfrm>
          <a:prstGeom prst="rect">
            <a:avLst/>
          </a:prstGeom>
          <a:noFill/>
        </p:spPr>
        <p:txBody>
          <a:bodyPr wrap="square" lIns="0" tIns="0" rIns="0" bIns="0" rtlCol="0">
            <a:spAutoFit/>
          </a:bodyPr>
          <a:lstStyle/>
          <a:p>
            <a:pPr defTabSz="1219170">
              <a:defRPr/>
            </a:pPr>
            <a:r>
              <a:rPr lang="en-US" sz="3733" cap="all" dirty="0">
                <a:solidFill>
                  <a:schemeClr val="accent1"/>
                </a:solidFill>
                <a:latin typeface="Franklin Gothic Demi Cond" panose="020B0706030402020204" pitchFamily="34" charset="0"/>
              </a:rPr>
              <a:t>40%</a:t>
            </a:r>
          </a:p>
          <a:p>
            <a:pPr defTabSz="1219170">
              <a:spcAft>
                <a:spcPts val="800"/>
              </a:spcAft>
              <a:defRPr/>
            </a:pPr>
            <a:r>
              <a:rPr lang="en-US" sz="1733" dirty="0">
                <a:solidFill>
                  <a:srgbClr val="000000"/>
                </a:solidFill>
                <a:latin typeface="Franklin Gothic Medium"/>
              </a:rPr>
              <a:t>Social and economic factors</a:t>
            </a:r>
            <a:r>
              <a:rPr lang="en-US" sz="1733" baseline="30000" dirty="0">
                <a:solidFill>
                  <a:srgbClr val="000000"/>
                </a:solidFill>
                <a:latin typeface="Franklin Gothic Medium"/>
              </a:rPr>
              <a:t>2</a:t>
            </a:r>
            <a:endParaRPr lang="en-US" sz="1733" dirty="0">
              <a:solidFill>
                <a:srgbClr val="000000"/>
              </a:solidFill>
              <a:latin typeface="Franklin Gothic Book"/>
            </a:endParaRPr>
          </a:p>
        </p:txBody>
      </p:sp>
      <p:sp>
        <p:nvSpPr>
          <p:cNvPr id="44" name="TextBox 43">
            <a:extLst>
              <a:ext uri="{FF2B5EF4-FFF2-40B4-BE49-F238E27FC236}">
                <a16:creationId xmlns:a16="http://schemas.microsoft.com/office/drawing/2014/main" id="{3DE79B9B-BBCA-466B-B8FC-54AFAA61D0A8}"/>
              </a:ext>
            </a:extLst>
          </p:cNvPr>
          <p:cNvSpPr txBox="1"/>
          <p:nvPr/>
        </p:nvSpPr>
        <p:spPr>
          <a:xfrm>
            <a:off x="8930656" y="4042041"/>
            <a:ext cx="2651744" cy="746987"/>
          </a:xfrm>
          <a:prstGeom prst="rect">
            <a:avLst/>
          </a:prstGeom>
          <a:noFill/>
        </p:spPr>
        <p:txBody>
          <a:bodyPr wrap="square" lIns="0" tIns="0" rIns="0" bIns="0" numCol="2" spcCol="91440" rtlCol="0">
            <a:noAutofit/>
          </a:bodyPr>
          <a:lstStyle/>
          <a:p>
            <a:pPr marL="121917" indent="-121917" defTabSz="1219170">
              <a:spcAft>
                <a:spcPts val="533"/>
              </a:spcAft>
              <a:buFont typeface="Arial" panose="020B0604020202020204" pitchFamily="34" charset="0"/>
              <a:buChar char="•"/>
              <a:defRPr/>
            </a:pPr>
            <a:r>
              <a:rPr lang="en-US" sz="1400" dirty="0">
                <a:solidFill>
                  <a:srgbClr val="000000"/>
                </a:solidFill>
                <a:latin typeface="Franklin Gothic Book"/>
              </a:rPr>
              <a:t>Income/jobs</a:t>
            </a:r>
          </a:p>
          <a:p>
            <a:pPr marL="121917" indent="-121917" defTabSz="1219170">
              <a:spcAft>
                <a:spcPts val="533"/>
              </a:spcAft>
              <a:buFont typeface="Arial" panose="020B0604020202020204" pitchFamily="34" charset="0"/>
              <a:buChar char="•"/>
              <a:defRPr/>
            </a:pPr>
            <a:r>
              <a:rPr lang="en-US" sz="1400" dirty="0">
                <a:solidFill>
                  <a:srgbClr val="000000"/>
                </a:solidFill>
                <a:latin typeface="Franklin Gothic Book"/>
              </a:rPr>
              <a:t>Isolation</a:t>
            </a:r>
          </a:p>
          <a:p>
            <a:pPr marL="121917" indent="-121917" defTabSz="1219170">
              <a:spcAft>
                <a:spcPts val="533"/>
              </a:spcAft>
              <a:buFont typeface="Arial" panose="020B0604020202020204" pitchFamily="34" charset="0"/>
              <a:buChar char="•"/>
              <a:defRPr/>
            </a:pPr>
            <a:r>
              <a:rPr lang="en-US" sz="1400" dirty="0">
                <a:solidFill>
                  <a:srgbClr val="000000"/>
                </a:solidFill>
                <a:latin typeface="Franklin Gothic Book"/>
              </a:rPr>
              <a:t>Transportation</a:t>
            </a:r>
          </a:p>
          <a:p>
            <a:pPr marL="121917" indent="-121917" defTabSz="1219170">
              <a:spcAft>
                <a:spcPts val="533"/>
              </a:spcAft>
              <a:buFont typeface="Arial" panose="020B0604020202020204" pitchFamily="34" charset="0"/>
              <a:buChar char="•"/>
              <a:defRPr/>
            </a:pPr>
            <a:r>
              <a:rPr lang="en-US" sz="1400" dirty="0">
                <a:solidFill>
                  <a:srgbClr val="000000"/>
                </a:solidFill>
                <a:latin typeface="Franklin Gothic Book"/>
              </a:rPr>
              <a:t>Housing</a:t>
            </a:r>
          </a:p>
          <a:p>
            <a:pPr marL="121917" indent="-121917" defTabSz="1219170">
              <a:spcAft>
                <a:spcPts val="533"/>
              </a:spcAft>
              <a:buFont typeface="Arial" panose="020B0604020202020204" pitchFamily="34" charset="0"/>
              <a:buChar char="•"/>
              <a:defRPr/>
            </a:pPr>
            <a:r>
              <a:rPr lang="en-US" sz="1400" dirty="0">
                <a:solidFill>
                  <a:srgbClr val="000000"/>
                </a:solidFill>
                <a:latin typeface="Franklin Gothic Book"/>
              </a:rPr>
              <a:t>Education</a:t>
            </a:r>
            <a:endParaRPr lang="en-US" sz="1467" dirty="0">
              <a:solidFill>
                <a:srgbClr val="000000"/>
              </a:solidFill>
              <a:latin typeface="Franklin Gothic Book"/>
            </a:endParaRPr>
          </a:p>
        </p:txBody>
      </p:sp>
      <p:sp>
        <p:nvSpPr>
          <p:cNvPr id="10" name="Rectangle 9">
            <a:extLst>
              <a:ext uri="{FF2B5EF4-FFF2-40B4-BE49-F238E27FC236}">
                <a16:creationId xmlns:a16="http://schemas.microsoft.com/office/drawing/2014/main" id="{20648E4E-4E21-4A6F-9218-D49F735887AE}"/>
              </a:ext>
            </a:extLst>
          </p:cNvPr>
          <p:cNvSpPr/>
          <p:nvPr/>
        </p:nvSpPr>
        <p:spPr>
          <a:xfrm>
            <a:off x="0" y="5132923"/>
            <a:ext cx="12192000" cy="931712"/>
          </a:xfrm>
          <a:prstGeom prst="rect">
            <a:avLst/>
          </a:prstGeom>
          <a:solidFill>
            <a:schemeClr val="accent2"/>
          </a:solidFill>
        </p:spPr>
        <p:txBody>
          <a:bodyPr wrap="square" lIns="121920" tIns="121920" rIns="121920" bIns="121920" rtlCol="0" anchor="ctr">
            <a:noAutofit/>
          </a:bodyPr>
          <a:lstStyle/>
          <a:p>
            <a:pPr algn="ctr" defTabSz="1219018">
              <a:lnSpc>
                <a:spcPct val="110000"/>
              </a:lnSpc>
              <a:spcBef>
                <a:spcPts val="1600"/>
              </a:spcBef>
              <a:defRPr/>
            </a:pPr>
            <a:r>
              <a:rPr lang="en-US" sz="1867" b="1" dirty="0">
                <a:solidFill>
                  <a:schemeClr val="bg1"/>
                </a:solidFill>
                <a:latin typeface="Franklin Gothic Book" panose="020B0503020102020204" pitchFamily="34" charset="0"/>
                <a:ea typeface="Franklin Gothic Book" panose="020B0503020102020204" pitchFamily="34" charset="0"/>
                <a:cs typeface="Times New Roman" panose="02020603050405020304" pitchFamily="18" charset="0"/>
              </a:rPr>
              <a:t>The Social Determinants Index (SDI) helps to better understand the potential health disadvantages an individual may experience based on their geographic residence.</a:t>
            </a:r>
            <a:endParaRPr lang="en-US" sz="1600" b="1" dirty="0">
              <a:solidFill>
                <a:schemeClr val="bg1"/>
              </a:solidFill>
              <a:latin typeface="Franklin Gothic Book" panose="020B0503020102020204" pitchFamily="34" charset="0"/>
              <a:ea typeface="Franklin Gothic Book" panose="020B0503020102020204" pitchFamily="34" charset="0"/>
              <a:cs typeface="Times New Roman" panose="02020603050405020304" pitchFamily="18" charset="0"/>
            </a:endParaRPr>
          </a:p>
        </p:txBody>
      </p:sp>
      <p:grpSp>
        <p:nvGrpSpPr>
          <p:cNvPr id="63" name="Group 62">
            <a:extLst>
              <a:ext uri="{FF2B5EF4-FFF2-40B4-BE49-F238E27FC236}">
                <a16:creationId xmlns:a16="http://schemas.microsoft.com/office/drawing/2014/main" id="{BAB6A034-E618-41B6-BA67-1579428A5CD7}"/>
              </a:ext>
            </a:extLst>
          </p:cNvPr>
          <p:cNvGrpSpPr/>
          <p:nvPr/>
        </p:nvGrpSpPr>
        <p:grpSpPr>
          <a:xfrm>
            <a:off x="8034017" y="3227033"/>
            <a:ext cx="731329" cy="731329"/>
            <a:chOff x="7307580" y="2054012"/>
            <a:chExt cx="548497" cy="548497"/>
          </a:xfrm>
        </p:grpSpPr>
        <p:sp>
          <p:nvSpPr>
            <p:cNvPr id="64" name="Oval 63">
              <a:extLst>
                <a:ext uri="{FF2B5EF4-FFF2-40B4-BE49-F238E27FC236}">
                  <a16:creationId xmlns:a16="http://schemas.microsoft.com/office/drawing/2014/main" id="{58B8C670-BB12-46AA-AD97-48293E3C7F76}"/>
                </a:ext>
              </a:extLst>
            </p:cNvPr>
            <p:cNvSpPr/>
            <p:nvPr/>
          </p:nvSpPr>
          <p:spPr>
            <a:xfrm>
              <a:off x="7307580" y="2054012"/>
              <a:ext cx="548497" cy="548497"/>
            </a:xfrm>
            <a:prstGeom prst="ellipse">
              <a:avLst/>
            </a:prstGeom>
            <a:solidFill>
              <a:schemeClr val="bg1"/>
            </a:solidFill>
            <a:ln w="53975">
              <a:solidFill>
                <a:schemeClr val="bg2"/>
              </a:solidFill>
            </a:ln>
          </p:spPr>
          <p:txBody>
            <a:bodyPr wrap="square" lIns="121920" tIns="121920" rIns="121920" bIns="121920" rtlCol="0" anchor="ctr">
              <a:noAutofit/>
            </a:bodyPr>
            <a:lstStyle/>
            <a:p>
              <a:pPr algn="ctr" defTabSz="1219018">
                <a:lnSpc>
                  <a:spcPct val="90000"/>
                </a:lnSpc>
                <a:spcAft>
                  <a:spcPts val="933"/>
                </a:spcAft>
                <a:defRPr/>
              </a:pPr>
              <a:endParaRPr lang="en-US" sz="2400" dirty="0" err="1">
                <a:solidFill>
                  <a:srgbClr val="FFFFFF"/>
                </a:solidFill>
                <a:latin typeface="Franklin Gothic Book"/>
              </a:endParaRPr>
            </a:p>
          </p:txBody>
        </p:sp>
        <p:sp>
          <p:nvSpPr>
            <p:cNvPr id="65" name="Graphic 20">
              <a:extLst>
                <a:ext uri="{FF2B5EF4-FFF2-40B4-BE49-F238E27FC236}">
                  <a16:creationId xmlns:a16="http://schemas.microsoft.com/office/drawing/2014/main" id="{B508F9DD-0FF4-4F17-9CD4-3309C0B55199}"/>
                </a:ext>
              </a:extLst>
            </p:cNvPr>
            <p:cNvSpPr/>
            <p:nvPr/>
          </p:nvSpPr>
          <p:spPr>
            <a:xfrm>
              <a:off x="7401117" y="2222882"/>
              <a:ext cx="361422" cy="210756"/>
            </a:xfrm>
            <a:custGeom>
              <a:avLst/>
              <a:gdLst>
                <a:gd name="connsiteX0" fmla="*/ 861961 w 1042130"/>
                <a:gd name="connsiteY0" fmla="*/ 308538 h 607695"/>
                <a:gd name="connsiteX1" fmla="*/ 984072 w 1042130"/>
                <a:gd name="connsiteY1" fmla="*/ 186428 h 607695"/>
                <a:gd name="connsiteX2" fmla="*/ 861961 w 1042130"/>
                <a:gd name="connsiteY2" fmla="*/ 64317 h 607695"/>
                <a:gd name="connsiteX3" fmla="*/ 739851 w 1042130"/>
                <a:gd name="connsiteY3" fmla="*/ 186428 h 607695"/>
                <a:gd name="connsiteX4" fmla="*/ 861961 w 1042130"/>
                <a:gd name="connsiteY4" fmla="*/ 308538 h 607695"/>
                <a:gd name="connsiteX5" fmla="*/ 861961 w 1042130"/>
                <a:gd name="connsiteY5" fmla="*/ 102608 h 607695"/>
                <a:gd name="connsiteX6" fmla="*/ 945686 w 1042130"/>
                <a:gd name="connsiteY6" fmla="*/ 186524 h 607695"/>
                <a:gd name="connsiteX7" fmla="*/ 861770 w 1042130"/>
                <a:gd name="connsiteY7" fmla="*/ 270248 h 607695"/>
                <a:gd name="connsiteX8" fmla="*/ 778046 w 1042130"/>
                <a:gd name="connsiteY8" fmla="*/ 186428 h 607695"/>
                <a:gd name="connsiteX9" fmla="*/ 861961 w 1042130"/>
                <a:gd name="connsiteY9" fmla="*/ 102608 h 607695"/>
                <a:gd name="connsiteX10" fmla="*/ 1040936 w 1042130"/>
                <a:gd name="connsiteY10" fmla="*/ 585906 h 607695"/>
                <a:gd name="connsiteX11" fmla="*/ 1021886 w 1042130"/>
                <a:gd name="connsiteY11" fmla="*/ 604956 h 607695"/>
                <a:gd name="connsiteX12" fmla="*/ 825004 w 1042130"/>
                <a:gd name="connsiteY12" fmla="*/ 604956 h 607695"/>
                <a:gd name="connsiteX13" fmla="*/ 805954 w 1042130"/>
                <a:gd name="connsiteY13" fmla="*/ 585906 h 607695"/>
                <a:gd name="connsiteX14" fmla="*/ 825004 w 1042130"/>
                <a:gd name="connsiteY14" fmla="*/ 566856 h 607695"/>
                <a:gd name="connsiteX15" fmla="*/ 1001598 w 1042130"/>
                <a:gd name="connsiteY15" fmla="*/ 566856 h 607695"/>
                <a:gd name="connsiteX16" fmla="*/ 821861 w 1042130"/>
                <a:gd name="connsiteY16" fmla="*/ 425029 h 607695"/>
                <a:gd name="connsiteX17" fmla="*/ 780046 w 1042130"/>
                <a:gd name="connsiteY17" fmla="*/ 435697 h 607695"/>
                <a:gd name="connsiteX18" fmla="*/ 755186 w 1042130"/>
                <a:gd name="connsiteY18" fmla="*/ 425124 h 607695"/>
                <a:gd name="connsiteX19" fmla="*/ 765759 w 1042130"/>
                <a:gd name="connsiteY19" fmla="*/ 400264 h 607695"/>
                <a:gd name="connsiteX20" fmla="*/ 840720 w 1042130"/>
                <a:gd name="connsiteY20" fmla="*/ 385691 h 607695"/>
                <a:gd name="connsiteX21" fmla="*/ 1040650 w 1042130"/>
                <a:gd name="connsiteY21" fmla="*/ 585906 h 607695"/>
                <a:gd name="connsiteX22" fmla="*/ 259600 w 1042130"/>
                <a:gd name="connsiteY22" fmla="*/ 435697 h 607695"/>
                <a:gd name="connsiteX23" fmla="*/ 198926 w 1042130"/>
                <a:gd name="connsiteY23" fmla="*/ 423981 h 607695"/>
                <a:gd name="connsiteX24" fmla="*/ 38048 w 1042130"/>
                <a:gd name="connsiteY24" fmla="*/ 566856 h 607695"/>
                <a:gd name="connsiteX25" fmla="*/ 214738 w 1042130"/>
                <a:gd name="connsiteY25" fmla="*/ 566856 h 607695"/>
                <a:gd name="connsiteX26" fmla="*/ 233788 w 1042130"/>
                <a:gd name="connsiteY26" fmla="*/ 585906 h 607695"/>
                <a:gd name="connsiteX27" fmla="*/ 214738 w 1042130"/>
                <a:gd name="connsiteY27" fmla="*/ 604956 h 607695"/>
                <a:gd name="connsiteX28" fmla="*/ 17855 w 1042130"/>
                <a:gd name="connsiteY28" fmla="*/ 604956 h 607695"/>
                <a:gd name="connsiteX29" fmla="*/ -1195 w 1042130"/>
                <a:gd name="connsiteY29" fmla="*/ 585906 h 607695"/>
                <a:gd name="connsiteX30" fmla="*/ 198830 w 1042130"/>
                <a:gd name="connsiteY30" fmla="*/ 385881 h 607695"/>
                <a:gd name="connsiteX31" fmla="*/ 273888 w 1042130"/>
                <a:gd name="connsiteY31" fmla="*/ 400455 h 607695"/>
                <a:gd name="connsiteX32" fmla="*/ 284365 w 1042130"/>
                <a:gd name="connsiteY32" fmla="*/ 425410 h 607695"/>
                <a:gd name="connsiteX33" fmla="*/ 259505 w 1042130"/>
                <a:gd name="connsiteY33" fmla="*/ 435887 h 607695"/>
                <a:gd name="connsiteX34" fmla="*/ 177685 w 1042130"/>
                <a:gd name="connsiteY34" fmla="*/ 308538 h 607695"/>
                <a:gd name="connsiteX35" fmla="*/ 299795 w 1042130"/>
                <a:gd name="connsiteY35" fmla="*/ 186428 h 607695"/>
                <a:gd name="connsiteX36" fmla="*/ 177685 w 1042130"/>
                <a:gd name="connsiteY36" fmla="*/ 64317 h 607695"/>
                <a:gd name="connsiteX37" fmla="*/ 55574 w 1042130"/>
                <a:gd name="connsiteY37" fmla="*/ 186428 h 607695"/>
                <a:gd name="connsiteX38" fmla="*/ 177209 w 1042130"/>
                <a:gd name="connsiteY38" fmla="*/ 308538 h 607695"/>
                <a:gd name="connsiteX39" fmla="*/ 177685 w 1042130"/>
                <a:gd name="connsiteY39" fmla="*/ 102608 h 607695"/>
                <a:gd name="connsiteX40" fmla="*/ 261505 w 1042130"/>
                <a:gd name="connsiteY40" fmla="*/ 186428 h 607695"/>
                <a:gd name="connsiteX41" fmla="*/ 177685 w 1042130"/>
                <a:gd name="connsiteY41" fmla="*/ 270248 h 607695"/>
                <a:gd name="connsiteX42" fmla="*/ 93865 w 1042130"/>
                <a:gd name="connsiteY42" fmla="*/ 186428 h 607695"/>
                <a:gd name="connsiteX43" fmla="*/ 177209 w 1042130"/>
                <a:gd name="connsiteY43" fmla="*/ 102608 h 607695"/>
                <a:gd name="connsiteX44" fmla="*/ 520013 w 1042130"/>
                <a:gd name="connsiteY44" fmla="*/ 336923 h 607695"/>
                <a:gd name="connsiteX45" fmla="*/ 269125 w 1042130"/>
                <a:gd name="connsiteY45" fmla="*/ 587526 h 607695"/>
                <a:gd name="connsiteX46" fmla="*/ 288175 w 1042130"/>
                <a:gd name="connsiteY46" fmla="*/ 606576 h 607695"/>
                <a:gd name="connsiteX47" fmla="*/ 751090 w 1042130"/>
                <a:gd name="connsiteY47" fmla="*/ 606576 h 607695"/>
                <a:gd name="connsiteX48" fmla="*/ 770140 w 1042130"/>
                <a:gd name="connsiteY48" fmla="*/ 587526 h 607695"/>
                <a:gd name="connsiteX49" fmla="*/ 519538 w 1042130"/>
                <a:gd name="connsiteY49" fmla="*/ 336923 h 607695"/>
                <a:gd name="connsiteX50" fmla="*/ 308559 w 1042130"/>
                <a:gd name="connsiteY50" fmla="*/ 568381 h 607695"/>
                <a:gd name="connsiteX51" fmla="*/ 539635 w 1042130"/>
                <a:gd name="connsiteY51" fmla="*/ 376452 h 607695"/>
                <a:gd name="connsiteX52" fmla="*/ 731564 w 1042130"/>
                <a:gd name="connsiteY52" fmla="*/ 568381 h 607695"/>
                <a:gd name="connsiteX53" fmla="*/ 520013 w 1042130"/>
                <a:gd name="connsiteY53" fmla="*/ 261581 h 607695"/>
                <a:gd name="connsiteX54" fmla="*/ 651363 w 1042130"/>
                <a:gd name="connsiteY54" fmla="*/ 130231 h 607695"/>
                <a:gd name="connsiteX55" fmla="*/ 520013 w 1042130"/>
                <a:gd name="connsiteY55" fmla="*/ -1120 h 607695"/>
                <a:gd name="connsiteX56" fmla="*/ 388664 w 1042130"/>
                <a:gd name="connsiteY56" fmla="*/ 130231 h 607695"/>
                <a:gd name="connsiteX57" fmla="*/ 519538 w 1042130"/>
                <a:gd name="connsiteY57" fmla="*/ 261581 h 607695"/>
                <a:gd name="connsiteX58" fmla="*/ 520013 w 1042130"/>
                <a:gd name="connsiteY58" fmla="*/ 37076 h 607695"/>
                <a:gd name="connsiteX59" fmla="*/ 613263 w 1042130"/>
                <a:gd name="connsiteY59" fmla="*/ 130135 h 607695"/>
                <a:gd name="connsiteX60" fmla="*/ 520204 w 1042130"/>
                <a:gd name="connsiteY60" fmla="*/ 223385 h 607695"/>
                <a:gd name="connsiteX61" fmla="*/ 426954 w 1042130"/>
                <a:gd name="connsiteY61" fmla="*/ 130326 h 607695"/>
                <a:gd name="connsiteX62" fmla="*/ 426954 w 1042130"/>
                <a:gd name="connsiteY62" fmla="*/ 130231 h 607695"/>
                <a:gd name="connsiteX63" fmla="*/ 519538 w 1042130"/>
                <a:gd name="connsiteY63" fmla="*/ 37076 h 6076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Lst>
              <a:rect l="l" t="t" r="r" b="b"/>
              <a:pathLst>
                <a:path w="1042130" h="607695">
                  <a:moveTo>
                    <a:pt x="861961" y="308538"/>
                  </a:moveTo>
                  <a:cubicBezTo>
                    <a:pt x="929398" y="308538"/>
                    <a:pt x="984072" y="253865"/>
                    <a:pt x="984072" y="186428"/>
                  </a:cubicBezTo>
                  <a:cubicBezTo>
                    <a:pt x="984072" y="118991"/>
                    <a:pt x="929398" y="64317"/>
                    <a:pt x="861961" y="64317"/>
                  </a:cubicBezTo>
                  <a:cubicBezTo>
                    <a:pt x="794524" y="64317"/>
                    <a:pt x="739851" y="118991"/>
                    <a:pt x="739851" y="186428"/>
                  </a:cubicBezTo>
                  <a:cubicBezTo>
                    <a:pt x="739946" y="253865"/>
                    <a:pt x="794524" y="308443"/>
                    <a:pt x="861961" y="308538"/>
                  </a:cubicBezTo>
                  <a:close/>
                  <a:moveTo>
                    <a:pt x="861961" y="102608"/>
                  </a:moveTo>
                  <a:cubicBezTo>
                    <a:pt x="908252" y="102703"/>
                    <a:pt x="945781" y="140231"/>
                    <a:pt x="945686" y="186524"/>
                  </a:cubicBezTo>
                  <a:cubicBezTo>
                    <a:pt x="945591" y="232815"/>
                    <a:pt x="908062" y="270343"/>
                    <a:pt x="861770" y="270248"/>
                  </a:cubicBezTo>
                  <a:cubicBezTo>
                    <a:pt x="815479" y="270152"/>
                    <a:pt x="778046" y="232720"/>
                    <a:pt x="778046" y="186428"/>
                  </a:cubicBezTo>
                  <a:cubicBezTo>
                    <a:pt x="778140" y="140137"/>
                    <a:pt x="815670" y="102608"/>
                    <a:pt x="861961" y="102608"/>
                  </a:cubicBezTo>
                  <a:close/>
                  <a:moveTo>
                    <a:pt x="1040936" y="585906"/>
                  </a:moveTo>
                  <a:cubicBezTo>
                    <a:pt x="1040936" y="596383"/>
                    <a:pt x="1032363" y="604956"/>
                    <a:pt x="1021886" y="604956"/>
                  </a:cubicBezTo>
                  <a:lnTo>
                    <a:pt x="825004" y="604956"/>
                  </a:lnTo>
                  <a:cubicBezTo>
                    <a:pt x="814527" y="604956"/>
                    <a:pt x="805954" y="596383"/>
                    <a:pt x="805954" y="585906"/>
                  </a:cubicBezTo>
                  <a:cubicBezTo>
                    <a:pt x="805954" y="575429"/>
                    <a:pt x="814527" y="566856"/>
                    <a:pt x="825004" y="566856"/>
                  </a:cubicBezTo>
                  <a:lnTo>
                    <a:pt x="1001598" y="566856"/>
                  </a:lnTo>
                  <a:cubicBezTo>
                    <a:pt x="991120" y="478084"/>
                    <a:pt x="910634" y="414552"/>
                    <a:pt x="821861" y="425029"/>
                  </a:cubicBezTo>
                  <a:cubicBezTo>
                    <a:pt x="807478" y="426648"/>
                    <a:pt x="793477" y="430268"/>
                    <a:pt x="780046" y="435697"/>
                  </a:cubicBezTo>
                  <a:cubicBezTo>
                    <a:pt x="770235" y="439602"/>
                    <a:pt x="759090" y="434935"/>
                    <a:pt x="755186" y="425124"/>
                  </a:cubicBezTo>
                  <a:cubicBezTo>
                    <a:pt x="751280" y="415313"/>
                    <a:pt x="755948" y="404170"/>
                    <a:pt x="765759" y="400264"/>
                  </a:cubicBezTo>
                  <a:cubicBezTo>
                    <a:pt x="789571" y="390548"/>
                    <a:pt x="815003" y="385595"/>
                    <a:pt x="840720" y="385691"/>
                  </a:cubicBezTo>
                  <a:cubicBezTo>
                    <a:pt x="951115" y="385977"/>
                    <a:pt x="1040459" y="475512"/>
                    <a:pt x="1040650" y="585906"/>
                  </a:cubicBezTo>
                  <a:close/>
                  <a:moveTo>
                    <a:pt x="259600" y="435697"/>
                  </a:moveTo>
                  <a:cubicBezTo>
                    <a:pt x="240359" y="427887"/>
                    <a:pt x="219691" y="423886"/>
                    <a:pt x="198926" y="423981"/>
                  </a:cubicBezTo>
                  <a:cubicBezTo>
                    <a:pt x="116820" y="423981"/>
                    <a:pt x="47669" y="485323"/>
                    <a:pt x="38048" y="566856"/>
                  </a:cubicBezTo>
                  <a:lnTo>
                    <a:pt x="214738" y="566856"/>
                  </a:lnTo>
                  <a:cubicBezTo>
                    <a:pt x="225215" y="566856"/>
                    <a:pt x="233788" y="575429"/>
                    <a:pt x="233788" y="585906"/>
                  </a:cubicBezTo>
                  <a:cubicBezTo>
                    <a:pt x="233788" y="596383"/>
                    <a:pt x="225215" y="604956"/>
                    <a:pt x="214738" y="604956"/>
                  </a:cubicBezTo>
                  <a:lnTo>
                    <a:pt x="17855" y="604956"/>
                  </a:lnTo>
                  <a:cubicBezTo>
                    <a:pt x="7378" y="604956"/>
                    <a:pt x="-1195" y="596383"/>
                    <a:pt x="-1195" y="585906"/>
                  </a:cubicBezTo>
                  <a:cubicBezTo>
                    <a:pt x="-1195" y="475416"/>
                    <a:pt x="88341" y="385881"/>
                    <a:pt x="198830" y="385881"/>
                  </a:cubicBezTo>
                  <a:cubicBezTo>
                    <a:pt x="224547" y="385786"/>
                    <a:pt x="250075" y="390739"/>
                    <a:pt x="273888" y="400455"/>
                  </a:cubicBezTo>
                  <a:cubicBezTo>
                    <a:pt x="283699" y="404456"/>
                    <a:pt x="288366" y="415599"/>
                    <a:pt x="284365" y="425410"/>
                  </a:cubicBezTo>
                  <a:cubicBezTo>
                    <a:pt x="280459" y="435126"/>
                    <a:pt x="269316" y="439888"/>
                    <a:pt x="259505" y="435887"/>
                  </a:cubicBezTo>
                  <a:close/>
                  <a:moveTo>
                    <a:pt x="177685" y="308538"/>
                  </a:moveTo>
                  <a:cubicBezTo>
                    <a:pt x="245122" y="308538"/>
                    <a:pt x="299795" y="253865"/>
                    <a:pt x="299795" y="186428"/>
                  </a:cubicBezTo>
                  <a:cubicBezTo>
                    <a:pt x="299795" y="118991"/>
                    <a:pt x="245122" y="64317"/>
                    <a:pt x="177685" y="64317"/>
                  </a:cubicBezTo>
                  <a:cubicBezTo>
                    <a:pt x="110247" y="64317"/>
                    <a:pt x="55574" y="118991"/>
                    <a:pt x="55574" y="186428"/>
                  </a:cubicBezTo>
                  <a:cubicBezTo>
                    <a:pt x="55669" y="253674"/>
                    <a:pt x="109963" y="308252"/>
                    <a:pt x="177209" y="308538"/>
                  </a:cubicBezTo>
                  <a:close/>
                  <a:moveTo>
                    <a:pt x="177685" y="102608"/>
                  </a:moveTo>
                  <a:cubicBezTo>
                    <a:pt x="223977" y="102608"/>
                    <a:pt x="261505" y="140137"/>
                    <a:pt x="261505" y="186428"/>
                  </a:cubicBezTo>
                  <a:cubicBezTo>
                    <a:pt x="261505" y="232720"/>
                    <a:pt x="223977" y="270248"/>
                    <a:pt x="177685" y="270248"/>
                  </a:cubicBezTo>
                  <a:cubicBezTo>
                    <a:pt x="131394" y="270248"/>
                    <a:pt x="93865" y="232720"/>
                    <a:pt x="93865" y="186428"/>
                  </a:cubicBezTo>
                  <a:cubicBezTo>
                    <a:pt x="93960" y="140326"/>
                    <a:pt x="131108" y="102894"/>
                    <a:pt x="177209" y="102608"/>
                  </a:cubicBezTo>
                  <a:close/>
                  <a:moveTo>
                    <a:pt x="520013" y="336923"/>
                  </a:moveTo>
                  <a:cubicBezTo>
                    <a:pt x="381520" y="336923"/>
                    <a:pt x="269316" y="449032"/>
                    <a:pt x="269125" y="587526"/>
                  </a:cubicBezTo>
                  <a:cubicBezTo>
                    <a:pt x="269125" y="598003"/>
                    <a:pt x="277698" y="606576"/>
                    <a:pt x="288175" y="606576"/>
                  </a:cubicBezTo>
                  <a:lnTo>
                    <a:pt x="751090" y="606576"/>
                  </a:lnTo>
                  <a:cubicBezTo>
                    <a:pt x="761567" y="606576"/>
                    <a:pt x="770140" y="598003"/>
                    <a:pt x="770140" y="587526"/>
                  </a:cubicBezTo>
                  <a:cubicBezTo>
                    <a:pt x="769949" y="449223"/>
                    <a:pt x="657841" y="337113"/>
                    <a:pt x="519538" y="336923"/>
                  </a:cubicBezTo>
                  <a:close/>
                  <a:moveTo>
                    <a:pt x="308559" y="568381"/>
                  </a:moveTo>
                  <a:cubicBezTo>
                    <a:pt x="319417" y="451604"/>
                    <a:pt x="422859" y="365688"/>
                    <a:pt x="539635" y="376452"/>
                  </a:cubicBezTo>
                  <a:cubicBezTo>
                    <a:pt x="641457" y="385881"/>
                    <a:pt x="722135" y="466558"/>
                    <a:pt x="731564" y="568381"/>
                  </a:cubicBezTo>
                  <a:close/>
                  <a:moveTo>
                    <a:pt x="520013" y="261581"/>
                  </a:moveTo>
                  <a:cubicBezTo>
                    <a:pt x="592594" y="261581"/>
                    <a:pt x="651363" y="202811"/>
                    <a:pt x="651363" y="130231"/>
                  </a:cubicBezTo>
                  <a:cubicBezTo>
                    <a:pt x="651363" y="57650"/>
                    <a:pt x="592594" y="-1120"/>
                    <a:pt x="520013" y="-1120"/>
                  </a:cubicBezTo>
                  <a:cubicBezTo>
                    <a:pt x="447433" y="-1120"/>
                    <a:pt x="388664" y="57650"/>
                    <a:pt x="388664" y="130231"/>
                  </a:cubicBezTo>
                  <a:cubicBezTo>
                    <a:pt x="388760" y="202525"/>
                    <a:pt x="447242" y="261199"/>
                    <a:pt x="519538" y="261581"/>
                  </a:cubicBezTo>
                  <a:close/>
                  <a:moveTo>
                    <a:pt x="520013" y="37076"/>
                  </a:moveTo>
                  <a:cubicBezTo>
                    <a:pt x="571448" y="36980"/>
                    <a:pt x="613168" y="78700"/>
                    <a:pt x="613263" y="130135"/>
                  </a:cubicBezTo>
                  <a:cubicBezTo>
                    <a:pt x="613359" y="181570"/>
                    <a:pt x="571639" y="223290"/>
                    <a:pt x="520204" y="223385"/>
                  </a:cubicBezTo>
                  <a:cubicBezTo>
                    <a:pt x="468769" y="223481"/>
                    <a:pt x="427049" y="181761"/>
                    <a:pt x="426954" y="130326"/>
                  </a:cubicBezTo>
                  <a:cubicBezTo>
                    <a:pt x="426954" y="130326"/>
                    <a:pt x="426954" y="130231"/>
                    <a:pt x="426954" y="130231"/>
                  </a:cubicBezTo>
                  <a:cubicBezTo>
                    <a:pt x="427049" y="78986"/>
                    <a:pt x="468293" y="37457"/>
                    <a:pt x="519538" y="37076"/>
                  </a:cubicBezTo>
                  <a:close/>
                </a:path>
              </a:pathLst>
            </a:custGeom>
            <a:solidFill>
              <a:schemeClr val="accent1"/>
            </a:solidFill>
            <a:ln w="9525" cap="flat">
              <a:noFill/>
              <a:prstDash val="solid"/>
              <a:miter/>
            </a:ln>
          </p:spPr>
          <p:txBody>
            <a:bodyPr rtlCol="0" anchor="ctr"/>
            <a:lstStyle/>
            <a:p>
              <a:pPr defTabSz="1219018">
                <a:defRPr/>
              </a:pPr>
              <a:endParaRPr lang="en-US" sz="2400">
                <a:solidFill>
                  <a:srgbClr val="000000"/>
                </a:solidFill>
                <a:latin typeface="Franklin Gothic Book"/>
              </a:endParaRPr>
            </a:p>
          </p:txBody>
        </p:sp>
      </p:grpSp>
      <p:grpSp>
        <p:nvGrpSpPr>
          <p:cNvPr id="66" name="Group 65">
            <a:extLst>
              <a:ext uri="{FF2B5EF4-FFF2-40B4-BE49-F238E27FC236}">
                <a16:creationId xmlns:a16="http://schemas.microsoft.com/office/drawing/2014/main" id="{42C9D45E-570D-4FD6-BE3C-9178B171E2FB}"/>
              </a:ext>
            </a:extLst>
          </p:cNvPr>
          <p:cNvGrpSpPr/>
          <p:nvPr/>
        </p:nvGrpSpPr>
        <p:grpSpPr>
          <a:xfrm>
            <a:off x="479397" y="3227033"/>
            <a:ext cx="731329" cy="731329"/>
            <a:chOff x="5757031" y="2054012"/>
            <a:chExt cx="548497" cy="548497"/>
          </a:xfrm>
        </p:grpSpPr>
        <p:sp>
          <p:nvSpPr>
            <p:cNvPr id="67" name="Oval 66">
              <a:extLst>
                <a:ext uri="{FF2B5EF4-FFF2-40B4-BE49-F238E27FC236}">
                  <a16:creationId xmlns:a16="http://schemas.microsoft.com/office/drawing/2014/main" id="{9817F07C-5DB8-4712-89FF-00011D3658C5}"/>
                </a:ext>
              </a:extLst>
            </p:cNvPr>
            <p:cNvSpPr/>
            <p:nvPr/>
          </p:nvSpPr>
          <p:spPr>
            <a:xfrm>
              <a:off x="5757031" y="2054012"/>
              <a:ext cx="548497" cy="548497"/>
            </a:xfrm>
            <a:prstGeom prst="ellipse">
              <a:avLst/>
            </a:prstGeom>
            <a:solidFill>
              <a:schemeClr val="bg1"/>
            </a:solidFill>
            <a:ln w="53975">
              <a:solidFill>
                <a:schemeClr val="bg2"/>
              </a:solidFill>
            </a:ln>
          </p:spPr>
          <p:txBody>
            <a:bodyPr wrap="square" lIns="121920" tIns="121920" rIns="121920" bIns="121920" rtlCol="0" anchor="ctr">
              <a:noAutofit/>
            </a:bodyPr>
            <a:lstStyle/>
            <a:p>
              <a:pPr algn="ctr" defTabSz="1219018">
                <a:lnSpc>
                  <a:spcPct val="90000"/>
                </a:lnSpc>
                <a:spcAft>
                  <a:spcPts val="933"/>
                </a:spcAft>
                <a:defRPr/>
              </a:pPr>
              <a:endParaRPr lang="en-US" sz="2400" dirty="0" err="1">
                <a:solidFill>
                  <a:srgbClr val="FFFFFF"/>
                </a:solidFill>
                <a:latin typeface="Franklin Gothic Book"/>
              </a:endParaRPr>
            </a:p>
          </p:txBody>
        </p:sp>
        <p:sp>
          <p:nvSpPr>
            <p:cNvPr id="68" name="Graphic 81">
              <a:extLst>
                <a:ext uri="{FF2B5EF4-FFF2-40B4-BE49-F238E27FC236}">
                  <a16:creationId xmlns:a16="http://schemas.microsoft.com/office/drawing/2014/main" id="{CF66FF8E-23A9-4553-BFD9-F0CC27BAA1B0}"/>
                </a:ext>
              </a:extLst>
            </p:cNvPr>
            <p:cNvSpPr/>
            <p:nvPr/>
          </p:nvSpPr>
          <p:spPr>
            <a:xfrm>
              <a:off x="5896175" y="2186764"/>
              <a:ext cx="282902" cy="282994"/>
            </a:xfrm>
            <a:custGeom>
              <a:avLst/>
              <a:gdLst>
                <a:gd name="connsiteX0" fmla="*/ 849763 w 869636"/>
                <a:gd name="connsiteY0" fmla="*/ 274724 h 869918"/>
                <a:gd name="connsiteX1" fmla="*/ 591730 w 869636"/>
                <a:gd name="connsiteY1" fmla="*/ 274724 h 869918"/>
                <a:gd name="connsiteX2" fmla="*/ 591730 w 869636"/>
                <a:gd name="connsiteY2" fmla="*/ 16595 h 869918"/>
                <a:gd name="connsiteX3" fmla="*/ 572680 w 869636"/>
                <a:gd name="connsiteY3" fmla="*/ -2455 h 869918"/>
                <a:gd name="connsiteX4" fmla="*/ 295407 w 869636"/>
                <a:gd name="connsiteY4" fmla="*/ -2455 h 869918"/>
                <a:gd name="connsiteX5" fmla="*/ 276357 w 869636"/>
                <a:gd name="connsiteY5" fmla="*/ 16595 h 869918"/>
                <a:gd name="connsiteX6" fmla="*/ 276357 w 869636"/>
                <a:gd name="connsiteY6" fmla="*/ 274724 h 869918"/>
                <a:gd name="connsiteX7" fmla="*/ 18230 w 869636"/>
                <a:gd name="connsiteY7" fmla="*/ 274724 h 869918"/>
                <a:gd name="connsiteX8" fmla="*/ -820 w 869636"/>
                <a:gd name="connsiteY8" fmla="*/ 293774 h 869918"/>
                <a:gd name="connsiteX9" fmla="*/ -820 w 869636"/>
                <a:gd name="connsiteY9" fmla="*/ 571331 h 869918"/>
                <a:gd name="connsiteX10" fmla="*/ 18230 w 869636"/>
                <a:gd name="connsiteY10" fmla="*/ 590381 h 869918"/>
                <a:gd name="connsiteX11" fmla="*/ 276357 w 869636"/>
                <a:gd name="connsiteY11" fmla="*/ 590381 h 869918"/>
                <a:gd name="connsiteX12" fmla="*/ 276357 w 869636"/>
                <a:gd name="connsiteY12" fmla="*/ 848414 h 869918"/>
                <a:gd name="connsiteX13" fmla="*/ 295407 w 869636"/>
                <a:gd name="connsiteY13" fmla="*/ 867464 h 869918"/>
                <a:gd name="connsiteX14" fmla="*/ 572585 w 869636"/>
                <a:gd name="connsiteY14" fmla="*/ 867464 h 869918"/>
                <a:gd name="connsiteX15" fmla="*/ 591635 w 869636"/>
                <a:gd name="connsiteY15" fmla="*/ 848414 h 869918"/>
                <a:gd name="connsiteX16" fmla="*/ 591635 w 869636"/>
                <a:gd name="connsiteY16" fmla="*/ 590381 h 869918"/>
                <a:gd name="connsiteX17" fmla="*/ 849763 w 869636"/>
                <a:gd name="connsiteY17" fmla="*/ 590381 h 869918"/>
                <a:gd name="connsiteX18" fmla="*/ 868813 w 869636"/>
                <a:gd name="connsiteY18" fmla="*/ 571331 h 869918"/>
                <a:gd name="connsiteX19" fmla="*/ 868813 w 869636"/>
                <a:gd name="connsiteY19" fmla="*/ 294153 h 869918"/>
                <a:gd name="connsiteX20" fmla="*/ 850143 w 869636"/>
                <a:gd name="connsiteY20" fmla="*/ 274724 h 869918"/>
                <a:gd name="connsiteX21" fmla="*/ 849763 w 869636"/>
                <a:gd name="connsiteY21" fmla="*/ 274724 h 869918"/>
                <a:gd name="connsiteX22" fmla="*/ 830713 w 869636"/>
                <a:gd name="connsiteY22" fmla="*/ 551900 h 869918"/>
                <a:gd name="connsiteX23" fmla="*/ 572585 w 869636"/>
                <a:gd name="connsiteY23" fmla="*/ 551900 h 869918"/>
                <a:gd name="connsiteX24" fmla="*/ 553535 w 869636"/>
                <a:gd name="connsiteY24" fmla="*/ 570950 h 869918"/>
                <a:gd name="connsiteX25" fmla="*/ 553535 w 869636"/>
                <a:gd name="connsiteY25" fmla="*/ 829078 h 869918"/>
                <a:gd name="connsiteX26" fmla="*/ 314457 w 869636"/>
                <a:gd name="connsiteY26" fmla="*/ 829078 h 869918"/>
                <a:gd name="connsiteX27" fmla="*/ 314457 w 869636"/>
                <a:gd name="connsiteY27" fmla="*/ 571331 h 869918"/>
                <a:gd name="connsiteX28" fmla="*/ 295407 w 869636"/>
                <a:gd name="connsiteY28" fmla="*/ 552281 h 869918"/>
                <a:gd name="connsiteX29" fmla="*/ 37280 w 869636"/>
                <a:gd name="connsiteY29" fmla="*/ 552281 h 869918"/>
                <a:gd name="connsiteX30" fmla="*/ 37280 w 869636"/>
                <a:gd name="connsiteY30" fmla="*/ 313298 h 869918"/>
                <a:gd name="connsiteX31" fmla="*/ 295407 w 869636"/>
                <a:gd name="connsiteY31" fmla="*/ 313298 h 869918"/>
                <a:gd name="connsiteX32" fmla="*/ 314457 w 869636"/>
                <a:gd name="connsiteY32" fmla="*/ 294248 h 869918"/>
                <a:gd name="connsiteX33" fmla="*/ 314457 w 869636"/>
                <a:gd name="connsiteY33" fmla="*/ 36217 h 869918"/>
                <a:gd name="connsiteX34" fmla="*/ 553345 w 869636"/>
                <a:gd name="connsiteY34" fmla="*/ 36217 h 869918"/>
                <a:gd name="connsiteX35" fmla="*/ 553345 w 869636"/>
                <a:gd name="connsiteY35" fmla="*/ 294248 h 869918"/>
                <a:gd name="connsiteX36" fmla="*/ 572395 w 869636"/>
                <a:gd name="connsiteY36" fmla="*/ 313298 h 869918"/>
                <a:gd name="connsiteX37" fmla="*/ 830426 w 869636"/>
                <a:gd name="connsiteY37" fmla="*/ 313298 h 8699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869636" h="869918">
                  <a:moveTo>
                    <a:pt x="849763" y="274724"/>
                  </a:moveTo>
                  <a:lnTo>
                    <a:pt x="591730" y="274724"/>
                  </a:lnTo>
                  <a:lnTo>
                    <a:pt x="591730" y="16595"/>
                  </a:lnTo>
                  <a:cubicBezTo>
                    <a:pt x="591730" y="6117"/>
                    <a:pt x="583206" y="-2455"/>
                    <a:pt x="572680" y="-2455"/>
                  </a:cubicBezTo>
                  <a:lnTo>
                    <a:pt x="295407" y="-2455"/>
                  </a:lnTo>
                  <a:cubicBezTo>
                    <a:pt x="284882" y="-2455"/>
                    <a:pt x="276357" y="6117"/>
                    <a:pt x="276357" y="16595"/>
                  </a:cubicBezTo>
                  <a:lnTo>
                    <a:pt x="276357" y="274724"/>
                  </a:lnTo>
                  <a:lnTo>
                    <a:pt x="18230" y="274724"/>
                  </a:lnTo>
                  <a:cubicBezTo>
                    <a:pt x="7705" y="274724"/>
                    <a:pt x="-820" y="283295"/>
                    <a:pt x="-820" y="293774"/>
                  </a:cubicBezTo>
                  <a:lnTo>
                    <a:pt x="-820" y="571331"/>
                  </a:lnTo>
                  <a:cubicBezTo>
                    <a:pt x="-820" y="581810"/>
                    <a:pt x="7705" y="590381"/>
                    <a:pt x="18230" y="590381"/>
                  </a:cubicBezTo>
                  <a:lnTo>
                    <a:pt x="276357" y="590381"/>
                  </a:lnTo>
                  <a:lnTo>
                    <a:pt x="276357" y="848414"/>
                  </a:lnTo>
                  <a:cubicBezTo>
                    <a:pt x="276357" y="858890"/>
                    <a:pt x="284882" y="867464"/>
                    <a:pt x="295407" y="867464"/>
                  </a:cubicBezTo>
                  <a:lnTo>
                    <a:pt x="572585" y="867464"/>
                  </a:lnTo>
                  <a:cubicBezTo>
                    <a:pt x="583110" y="867464"/>
                    <a:pt x="591635" y="858890"/>
                    <a:pt x="591635" y="848414"/>
                  </a:cubicBezTo>
                  <a:lnTo>
                    <a:pt x="591635" y="590381"/>
                  </a:lnTo>
                  <a:lnTo>
                    <a:pt x="849763" y="590381"/>
                  </a:lnTo>
                  <a:cubicBezTo>
                    <a:pt x="860287" y="590381"/>
                    <a:pt x="868813" y="581810"/>
                    <a:pt x="868813" y="571331"/>
                  </a:cubicBezTo>
                  <a:lnTo>
                    <a:pt x="868813" y="294153"/>
                  </a:lnTo>
                  <a:cubicBezTo>
                    <a:pt x="869022" y="283677"/>
                    <a:pt x="860668" y="274912"/>
                    <a:pt x="850143" y="274724"/>
                  </a:cubicBezTo>
                  <a:cubicBezTo>
                    <a:pt x="850019" y="274724"/>
                    <a:pt x="849896" y="274724"/>
                    <a:pt x="849763" y="274724"/>
                  </a:cubicBezTo>
                  <a:close/>
                  <a:moveTo>
                    <a:pt x="830713" y="551900"/>
                  </a:moveTo>
                  <a:lnTo>
                    <a:pt x="572585" y="551900"/>
                  </a:lnTo>
                  <a:cubicBezTo>
                    <a:pt x="562060" y="551900"/>
                    <a:pt x="553535" y="560474"/>
                    <a:pt x="553535" y="570950"/>
                  </a:cubicBezTo>
                  <a:lnTo>
                    <a:pt x="553535" y="829078"/>
                  </a:lnTo>
                  <a:lnTo>
                    <a:pt x="314457" y="829078"/>
                  </a:lnTo>
                  <a:lnTo>
                    <a:pt x="314457" y="571331"/>
                  </a:lnTo>
                  <a:cubicBezTo>
                    <a:pt x="314457" y="560853"/>
                    <a:pt x="305932" y="552281"/>
                    <a:pt x="295407" y="552281"/>
                  </a:cubicBezTo>
                  <a:lnTo>
                    <a:pt x="37280" y="552281"/>
                  </a:lnTo>
                  <a:lnTo>
                    <a:pt x="37280" y="313298"/>
                  </a:lnTo>
                  <a:lnTo>
                    <a:pt x="295407" y="313298"/>
                  </a:lnTo>
                  <a:cubicBezTo>
                    <a:pt x="305932" y="313298"/>
                    <a:pt x="314457" y="304727"/>
                    <a:pt x="314457" y="294248"/>
                  </a:cubicBezTo>
                  <a:lnTo>
                    <a:pt x="314457" y="36217"/>
                  </a:lnTo>
                  <a:lnTo>
                    <a:pt x="553345" y="36217"/>
                  </a:lnTo>
                  <a:lnTo>
                    <a:pt x="553345" y="294248"/>
                  </a:lnTo>
                  <a:cubicBezTo>
                    <a:pt x="553345" y="304727"/>
                    <a:pt x="561869" y="313298"/>
                    <a:pt x="572395" y="313298"/>
                  </a:cubicBezTo>
                  <a:lnTo>
                    <a:pt x="830426" y="313298"/>
                  </a:lnTo>
                  <a:close/>
                </a:path>
              </a:pathLst>
            </a:custGeom>
            <a:solidFill>
              <a:schemeClr val="accent2"/>
            </a:solidFill>
            <a:ln w="9525" cap="flat">
              <a:noFill/>
              <a:prstDash val="solid"/>
              <a:miter/>
            </a:ln>
          </p:spPr>
          <p:txBody>
            <a:bodyPr rtlCol="0" anchor="ctr"/>
            <a:lstStyle/>
            <a:p>
              <a:pPr defTabSz="1219018">
                <a:defRPr/>
              </a:pPr>
              <a:endParaRPr lang="en-US" sz="2400">
                <a:solidFill>
                  <a:srgbClr val="009BDF"/>
                </a:solidFill>
                <a:latin typeface="Franklin Gothic Book"/>
              </a:endParaRPr>
            </a:p>
          </p:txBody>
        </p:sp>
      </p:grpSp>
      <p:sp>
        <p:nvSpPr>
          <p:cNvPr id="37" name="Oval 36">
            <a:extLst>
              <a:ext uri="{FF2B5EF4-FFF2-40B4-BE49-F238E27FC236}">
                <a16:creationId xmlns:a16="http://schemas.microsoft.com/office/drawing/2014/main" id="{58B8C670-BB12-46AA-AD97-48293E3C7F76}"/>
              </a:ext>
            </a:extLst>
          </p:cNvPr>
          <p:cNvSpPr/>
          <p:nvPr/>
        </p:nvSpPr>
        <p:spPr>
          <a:xfrm>
            <a:off x="8022484" y="1782089"/>
            <a:ext cx="731329" cy="731329"/>
          </a:xfrm>
          <a:prstGeom prst="ellipse">
            <a:avLst/>
          </a:prstGeom>
          <a:solidFill>
            <a:schemeClr val="bg1"/>
          </a:solidFill>
          <a:ln w="53975">
            <a:solidFill>
              <a:schemeClr val="bg2"/>
            </a:solidFill>
          </a:ln>
        </p:spPr>
        <p:txBody>
          <a:bodyPr wrap="square" lIns="121920" tIns="121920" rIns="121920" bIns="121920" rtlCol="0" anchor="ctr">
            <a:noAutofit/>
          </a:bodyPr>
          <a:lstStyle/>
          <a:p>
            <a:pPr algn="ctr" defTabSz="1219018">
              <a:lnSpc>
                <a:spcPct val="90000"/>
              </a:lnSpc>
              <a:spcAft>
                <a:spcPts val="933"/>
              </a:spcAft>
              <a:defRPr/>
            </a:pPr>
            <a:endParaRPr lang="en-US" sz="2400" dirty="0" err="1">
              <a:solidFill>
                <a:srgbClr val="FFFFFF"/>
              </a:solidFill>
              <a:latin typeface="Franklin Gothic Book"/>
            </a:endParaRPr>
          </a:p>
        </p:txBody>
      </p:sp>
      <p:sp>
        <p:nvSpPr>
          <p:cNvPr id="35" name="Freeform 176">
            <a:extLst>
              <a:ext uri="{FF2B5EF4-FFF2-40B4-BE49-F238E27FC236}">
                <a16:creationId xmlns:a16="http://schemas.microsoft.com/office/drawing/2014/main" id="{1424B2EE-2D30-4795-8CA4-447B4B7FB19E}"/>
              </a:ext>
            </a:extLst>
          </p:cNvPr>
          <p:cNvSpPr>
            <a:spLocks noEditPoints="1"/>
          </p:cNvSpPr>
          <p:nvPr/>
        </p:nvSpPr>
        <p:spPr bwMode="auto">
          <a:xfrm>
            <a:off x="8186320" y="1967313"/>
            <a:ext cx="426720" cy="365760"/>
          </a:xfrm>
          <a:custGeom>
            <a:avLst/>
            <a:gdLst>
              <a:gd name="T0" fmla="*/ 268 w 304"/>
              <a:gd name="T1" fmla="*/ 34 h 277"/>
              <a:gd name="T2" fmla="*/ 267 w 304"/>
              <a:gd name="T3" fmla="*/ 34 h 277"/>
              <a:gd name="T4" fmla="*/ 152 w 304"/>
              <a:gd name="T5" fmla="*/ 31 h 277"/>
              <a:gd name="T6" fmla="*/ 125 w 304"/>
              <a:gd name="T7" fmla="*/ 15 h 277"/>
              <a:gd name="T8" fmla="*/ 34 w 304"/>
              <a:gd name="T9" fmla="*/ 36 h 277"/>
              <a:gd name="T10" fmla="*/ 34 w 304"/>
              <a:gd name="T11" fmla="*/ 160 h 277"/>
              <a:gd name="T12" fmla="*/ 152 w 304"/>
              <a:gd name="T13" fmla="*/ 277 h 277"/>
              <a:gd name="T14" fmla="*/ 270 w 304"/>
              <a:gd name="T15" fmla="*/ 160 h 277"/>
              <a:gd name="T16" fmla="*/ 270 w 304"/>
              <a:gd name="T17" fmla="*/ 36 h 277"/>
              <a:gd name="T18" fmla="*/ 268 w 304"/>
              <a:gd name="T19" fmla="*/ 34 h 277"/>
              <a:gd name="T20" fmla="*/ 258 w 304"/>
              <a:gd name="T21" fmla="*/ 148 h 277"/>
              <a:gd name="T22" fmla="*/ 152 w 304"/>
              <a:gd name="T23" fmla="*/ 255 h 277"/>
              <a:gd name="T24" fmla="*/ 45 w 304"/>
              <a:gd name="T25" fmla="*/ 148 h 277"/>
              <a:gd name="T26" fmla="*/ 45 w 304"/>
              <a:gd name="T27" fmla="*/ 48 h 277"/>
              <a:gd name="T28" fmla="*/ 95 w 304"/>
              <a:gd name="T29" fmla="*/ 27 h 277"/>
              <a:gd name="T30" fmla="*/ 119 w 304"/>
              <a:gd name="T31" fmla="*/ 31 h 277"/>
              <a:gd name="T32" fmla="*/ 146 w 304"/>
              <a:gd name="T33" fmla="*/ 47 h 277"/>
              <a:gd name="T34" fmla="*/ 152 w 304"/>
              <a:gd name="T35" fmla="*/ 53 h 277"/>
              <a:gd name="T36" fmla="*/ 158 w 304"/>
              <a:gd name="T37" fmla="*/ 47 h 277"/>
              <a:gd name="T38" fmla="*/ 258 w 304"/>
              <a:gd name="T39" fmla="*/ 47 h 277"/>
              <a:gd name="T40" fmla="*/ 261 w 304"/>
              <a:gd name="T41" fmla="*/ 50 h 277"/>
              <a:gd name="T42" fmla="*/ 261 w 304"/>
              <a:gd name="T43" fmla="*/ 50 h 277"/>
              <a:gd name="T44" fmla="*/ 258 w 304"/>
              <a:gd name="T45" fmla="*/ 148 h 27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04" h="277">
                <a:moveTo>
                  <a:pt x="268" y="34"/>
                </a:moveTo>
                <a:cubicBezTo>
                  <a:pt x="267" y="34"/>
                  <a:pt x="267" y="34"/>
                  <a:pt x="267" y="34"/>
                </a:cubicBezTo>
                <a:cubicBezTo>
                  <a:pt x="235" y="4"/>
                  <a:pt x="185" y="3"/>
                  <a:pt x="152" y="31"/>
                </a:cubicBezTo>
                <a:cubicBezTo>
                  <a:pt x="146" y="26"/>
                  <a:pt x="137" y="20"/>
                  <a:pt x="125" y="15"/>
                </a:cubicBezTo>
                <a:cubicBezTo>
                  <a:pt x="113" y="11"/>
                  <a:pt x="71" y="0"/>
                  <a:pt x="34" y="36"/>
                </a:cubicBezTo>
                <a:cubicBezTo>
                  <a:pt x="0" y="70"/>
                  <a:pt x="0" y="126"/>
                  <a:pt x="34" y="160"/>
                </a:cubicBezTo>
                <a:cubicBezTo>
                  <a:pt x="152" y="277"/>
                  <a:pt x="152" y="277"/>
                  <a:pt x="152" y="277"/>
                </a:cubicBezTo>
                <a:cubicBezTo>
                  <a:pt x="270" y="160"/>
                  <a:pt x="270" y="160"/>
                  <a:pt x="270" y="160"/>
                </a:cubicBezTo>
                <a:cubicBezTo>
                  <a:pt x="304" y="125"/>
                  <a:pt x="304" y="70"/>
                  <a:pt x="270" y="36"/>
                </a:cubicBezTo>
                <a:lnTo>
                  <a:pt x="268" y="34"/>
                </a:lnTo>
                <a:close/>
                <a:moveTo>
                  <a:pt x="258" y="148"/>
                </a:moveTo>
                <a:cubicBezTo>
                  <a:pt x="152" y="255"/>
                  <a:pt x="152" y="255"/>
                  <a:pt x="152" y="255"/>
                </a:cubicBezTo>
                <a:cubicBezTo>
                  <a:pt x="45" y="148"/>
                  <a:pt x="45" y="148"/>
                  <a:pt x="45" y="148"/>
                </a:cubicBezTo>
                <a:cubicBezTo>
                  <a:pt x="18" y="120"/>
                  <a:pt x="18" y="75"/>
                  <a:pt x="45" y="48"/>
                </a:cubicBezTo>
                <a:cubicBezTo>
                  <a:pt x="62" y="31"/>
                  <a:pt x="81" y="27"/>
                  <a:pt x="95" y="27"/>
                </a:cubicBezTo>
                <a:cubicBezTo>
                  <a:pt x="106" y="27"/>
                  <a:pt x="115" y="29"/>
                  <a:pt x="119" y="31"/>
                </a:cubicBezTo>
                <a:cubicBezTo>
                  <a:pt x="136" y="36"/>
                  <a:pt x="146" y="47"/>
                  <a:pt x="146" y="47"/>
                </a:cubicBezTo>
                <a:cubicBezTo>
                  <a:pt x="152" y="53"/>
                  <a:pt x="152" y="53"/>
                  <a:pt x="152" y="53"/>
                </a:cubicBezTo>
                <a:cubicBezTo>
                  <a:pt x="158" y="47"/>
                  <a:pt x="158" y="47"/>
                  <a:pt x="158" y="47"/>
                </a:cubicBezTo>
                <a:cubicBezTo>
                  <a:pt x="185" y="20"/>
                  <a:pt x="231" y="20"/>
                  <a:pt x="258" y="47"/>
                </a:cubicBezTo>
                <a:cubicBezTo>
                  <a:pt x="261" y="50"/>
                  <a:pt x="261" y="50"/>
                  <a:pt x="261" y="50"/>
                </a:cubicBezTo>
                <a:cubicBezTo>
                  <a:pt x="261" y="50"/>
                  <a:pt x="261" y="50"/>
                  <a:pt x="261" y="50"/>
                </a:cubicBezTo>
                <a:cubicBezTo>
                  <a:pt x="286" y="78"/>
                  <a:pt x="285" y="121"/>
                  <a:pt x="258" y="148"/>
                </a:cubicBezTo>
                <a:close/>
              </a:path>
            </a:pathLst>
          </a:custGeom>
          <a:solidFill>
            <a:schemeClr val="accent3"/>
          </a:solidFill>
          <a:ln>
            <a:noFill/>
          </a:ln>
        </p:spPr>
        <p:txBody>
          <a:bodyPr vert="horz" wrap="square" lIns="91440" tIns="45720" rIns="91440" bIns="45720" numCol="1" anchor="t" anchorCtr="0" compatLnSpc="1">
            <a:prstTxWarp prst="textNoShape">
              <a:avLst/>
            </a:prstTxWarp>
          </a:bodyPr>
          <a:lstStyle/>
          <a:p>
            <a:pPr defTabSz="914377"/>
            <a:endParaRPr lang="en-US" sz="2400">
              <a:solidFill>
                <a:srgbClr val="000000"/>
              </a:solidFill>
              <a:latin typeface="Arial"/>
              <a:ea typeface="MS Gothic"/>
            </a:endParaRPr>
          </a:p>
        </p:txBody>
      </p:sp>
      <p:sp>
        <p:nvSpPr>
          <p:cNvPr id="25" name="TextBox 24"/>
          <p:cNvSpPr txBox="1"/>
          <p:nvPr/>
        </p:nvSpPr>
        <p:spPr>
          <a:xfrm>
            <a:off x="3546271" y="6188276"/>
            <a:ext cx="5207542" cy="390272"/>
          </a:xfrm>
          <a:prstGeom prst="rect">
            <a:avLst/>
          </a:prstGeom>
          <a:solidFill>
            <a:schemeClr val="bg1"/>
          </a:solidFill>
        </p:spPr>
        <p:txBody>
          <a:bodyPr wrap="square" lIns="0" tIns="0" rIns="0" bIns="0" rtlCol="0">
            <a:spAutoFit/>
          </a:bodyPr>
          <a:lstStyle/>
          <a:p>
            <a:pPr algn="l"/>
            <a:endParaRPr lang="en-US" sz="1600" dirty="0" err="1"/>
          </a:p>
        </p:txBody>
      </p:sp>
      <p:sp>
        <p:nvSpPr>
          <p:cNvPr id="80" name="TextBox 79">
            <a:extLst>
              <a:ext uri="{FF2B5EF4-FFF2-40B4-BE49-F238E27FC236}">
                <a16:creationId xmlns:a16="http://schemas.microsoft.com/office/drawing/2014/main" id="{3D498C1D-2F6E-4468-91F0-948E3EE9E31A}"/>
              </a:ext>
            </a:extLst>
          </p:cNvPr>
          <p:cNvSpPr txBox="1"/>
          <p:nvPr/>
        </p:nvSpPr>
        <p:spPr>
          <a:xfrm>
            <a:off x="2624508" y="6255778"/>
            <a:ext cx="9131199" cy="393909"/>
          </a:xfrm>
          <a:prstGeom prst="rect">
            <a:avLst/>
          </a:prstGeom>
          <a:noFill/>
        </p:spPr>
        <p:txBody>
          <a:bodyPr wrap="square" lIns="0" tIns="0" rIns="0" bIns="0" rtlCol="0" anchor="b">
            <a:noAutofit/>
          </a:bodyPr>
          <a:lstStyle/>
          <a:p>
            <a:pPr defTabSz="1219018">
              <a:defRPr/>
            </a:pPr>
            <a:r>
              <a:rPr lang="en-US" sz="800" dirty="0">
                <a:solidFill>
                  <a:srgbClr val="000000">
                    <a:lumMod val="50000"/>
                    <a:lumOff val="50000"/>
                  </a:srgbClr>
                </a:solidFill>
                <a:latin typeface="Franklin Gothic Book"/>
              </a:rPr>
              <a:t>1</a:t>
            </a:r>
            <a:r>
              <a:rPr lang="en-US" sz="800" dirty="0">
                <a:solidFill>
                  <a:schemeClr val="bg1">
                    <a:lumMod val="50000"/>
                  </a:schemeClr>
                </a:solidFill>
                <a:latin typeface="Franklin Gothic Book"/>
              </a:rPr>
              <a:t>. Health Payer Intelligence: Addressing the Real Implications of Social Determinants of Health, Addressing the Real Implications of Social Determinants of Health </a:t>
            </a:r>
          </a:p>
          <a:p>
            <a:pPr defTabSz="1219018">
              <a:defRPr/>
            </a:pPr>
            <a:r>
              <a:rPr lang="en-US" sz="800" dirty="0">
                <a:solidFill>
                  <a:schemeClr val="bg1">
                    <a:lumMod val="50000"/>
                  </a:schemeClr>
                </a:solidFill>
                <a:latin typeface="Franklin Gothic Book"/>
              </a:rPr>
              <a:t>2. County Health Rankings &amp; Roadmaps, http://www.countyhealthrankings.org/our-approach (accessed January 5, 2022)</a:t>
            </a:r>
          </a:p>
        </p:txBody>
      </p:sp>
      <p:sp>
        <p:nvSpPr>
          <p:cNvPr id="26" name="TextBox 25"/>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27" name="Picture 26"/>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Tree>
    <p:extLst>
      <p:ext uri="{BB962C8B-B14F-4D97-AF65-F5344CB8AC3E}">
        <p14:creationId xmlns:p14="http://schemas.microsoft.com/office/powerpoint/2010/main" val="388583022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 name="TextBox 26"/>
          <p:cNvSpPr txBox="1"/>
          <p:nvPr/>
        </p:nvSpPr>
        <p:spPr>
          <a:xfrm>
            <a:off x="1642193" y="5200896"/>
            <a:ext cx="637147" cy="784830"/>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nSpc>
                <a:spcPts val="907"/>
              </a:lnSpc>
              <a:buSzPct val="100000"/>
            </a:pPr>
            <a:r>
              <a:rPr lang="en-US" sz="907" dirty="0">
                <a:solidFill>
                  <a:srgbClr val="737373"/>
                </a:solidFill>
                <a:latin typeface="Myriad Pro Light Condensed"/>
                <a:cs typeface="Arial" panose="020B0604020202020204" pitchFamily="34" charset="0"/>
              </a:rPr>
              <a:t>3.</a:t>
            </a:r>
          </a:p>
          <a:p>
            <a:pPr>
              <a:lnSpc>
                <a:spcPts val="907"/>
              </a:lnSpc>
              <a:buSzPct val="100000"/>
            </a:pPr>
            <a:endParaRPr lang="en-US" sz="907" dirty="0">
              <a:solidFill>
                <a:srgbClr val="737373"/>
              </a:solidFill>
              <a:latin typeface="Myriad Pro Light Condensed"/>
              <a:cs typeface="Arial" panose="020B0604020202020204" pitchFamily="34" charset="0"/>
            </a:endParaRPr>
          </a:p>
          <a:p>
            <a:pPr>
              <a:lnSpc>
                <a:spcPts val="907"/>
              </a:lnSpc>
              <a:buSzPct val="100000"/>
            </a:pPr>
            <a:endParaRPr lang="en-US" sz="907" dirty="0">
              <a:solidFill>
                <a:srgbClr val="737373"/>
              </a:solidFill>
              <a:latin typeface="Myriad Pro Light Condensed"/>
              <a:cs typeface="Arial" panose="020B0604020202020204" pitchFamily="34" charset="0"/>
            </a:endParaRPr>
          </a:p>
          <a:p>
            <a:pPr>
              <a:lnSpc>
                <a:spcPts val="907"/>
              </a:lnSpc>
              <a:buSzPct val="100000"/>
            </a:pPr>
            <a:r>
              <a:rPr lang="en-US" sz="907" dirty="0">
                <a:solidFill>
                  <a:srgbClr val="737373"/>
                </a:solidFill>
                <a:latin typeface="Myriad Pro Light Condensed"/>
                <a:cs typeface="Arial" panose="020B0604020202020204" pitchFamily="34" charset="0"/>
              </a:rPr>
              <a:t>4.</a:t>
            </a:r>
          </a:p>
          <a:p>
            <a:pPr>
              <a:lnSpc>
                <a:spcPts val="907"/>
              </a:lnSpc>
              <a:buSzPct val="100000"/>
            </a:pPr>
            <a:endParaRPr lang="en-US" sz="907" dirty="0">
              <a:solidFill>
                <a:srgbClr val="737373"/>
              </a:solidFill>
              <a:latin typeface="Myriad Pro Light Condensed"/>
              <a:cs typeface="Arial" panose="020B0604020202020204" pitchFamily="34" charset="0"/>
            </a:endParaRPr>
          </a:p>
          <a:p>
            <a:pPr>
              <a:lnSpc>
                <a:spcPts val="907"/>
              </a:lnSpc>
              <a:buSzPct val="100000"/>
            </a:pPr>
            <a:endParaRPr lang="en-US" sz="907" dirty="0">
              <a:solidFill>
                <a:srgbClr val="737373"/>
              </a:solidFill>
              <a:latin typeface="Myriad Pro Light Condensed"/>
              <a:cs typeface="Arial" panose="020B0604020202020204" pitchFamily="34" charset="0"/>
            </a:endParaRPr>
          </a:p>
        </p:txBody>
      </p:sp>
      <p:sp>
        <p:nvSpPr>
          <p:cNvPr id="28" name="TextBox 27"/>
          <p:cNvSpPr txBox="1"/>
          <p:nvPr/>
        </p:nvSpPr>
        <p:spPr>
          <a:xfrm>
            <a:off x="1855602" y="5200896"/>
            <a:ext cx="8077754" cy="900246"/>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nSpc>
                <a:spcPts val="907"/>
              </a:lnSpc>
              <a:buSzPct val="100000"/>
            </a:pPr>
            <a:r>
              <a:rPr lang="en-US" sz="907" dirty="0">
                <a:solidFill>
                  <a:srgbClr val="737373"/>
                </a:solidFill>
                <a:latin typeface="Myriad Pro Light Condensed"/>
                <a:cs typeface="Arial" panose="020B0604020202020204" pitchFamily="34" charset="0"/>
              </a:rPr>
              <a:t>Makara, M. (2016, August). </a:t>
            </a:r>
            <a:r>
              <a:rPr lang="en-US" sz="907" i="1" dirty="0">
                <a:solidFill>
                  <a:srgbClr val="737373"/>
                </a:solidFill>
                <a:latin typeface="Myriad Pro Light Condensed"/>
                <a:cs typeface="Arial" panose="020B0604020202020204" pitchFamily="34" charset="0"/>
              </a:rPr>
              <a:t>Education is a social determinant of health</a:t>
            </a:r>
            <a:r>
              <a:rPr lang="en-US" sz="907" dirty="0">
                <a:solidFill>
                  <a:srgbClr val="737373"/>
                </a:solidFill>
                <a:latin typeface="Myriad Pro Light Condensed"/>
                <a:cs typeface="Arial" panose="020B0604020202020204" pitchFamily="34" charset="0"/>
              </a:rPr>
              <a:t>. Plan4Health: An American Planning Association Project. http://plan4health.us/education-is-a-social-determinant-of-health/</a:t>
            </a:r>
          </a:p>
          <a:p>
            <a:pPr>
              <a:lnSpc>
                <a:spcPts val="907"/>
              </a:lnSpc>
              <a:buSzPct val="100000"/>
            </a:pPr>
            <a:endParaRPr lang="en-US" sz="907" dirty="0">
              <a:solidFill>
                <a:srgbClr val="737373"/>
              </a:solidFill>
              <a:latin typeface="Myriad Pro Light Condensed"/>
              <a:cs typeface="Arial" panose="020B0604020202020204" pitchFamily="34" charset="0"/>
            </a:endParaRPr>
          </a:p>
          <a:p>
            <a:pPr>
              <a:lnSpc>
                <a:spcPts val="907"/>
              </a:lnSpc>
              <a:buSzPct val="100000"/>
            </a:pPr>
            <a:r>
              <a:rPr lang="en-US" sz="907" dirty="0">
                <a:solidFill>
                  <a:srgbClr val="737373"/>
                </a:solidFill>
                <a:latin typeface="Myriad Pro Light Condensed"/>
                <a:cs typeface="Arial" panose="020B0604020202020204" pitchFamily="34" charset="0"/>
              </a:rPr>
              <a:t>Berkowitz, et al. (2016). Addressing basic resource needs to improve primary care quality: a community collaboration programme. </a:t>
            </a:r>
            <a:r>
              <a:rPr lang="en-US" sz="907" i="1" dirty="0">
                <a:solidFill>
                  <a:srgbClr val="737373"/>
                </a:solidFill>
                <a:latin typeface="Myriad Pro Light Condensed"/>
                <a:cs typeface="Arial" panose="020B0604020202020204" pitchFamily="34" charset="0"/>
              </a:rPr>
              <a:t>BMJ Quality &amp; Safety, 25</a:t>
            </a:r>
            <a:r>
              <a:rPr lang="en-US" sz="907" dirty="0">
                <a:solidFill>
                  <a:srgbClr val="737373"/>
                </a:solidFill>
                <a:latin typeface="Myriad Pro Light Condensed"/>
                <a:cs typeface="Arial" panose="020B0604020202020204" pitchFamily="34" charset="0"/>
              </a:rPr>
              <a:t>(3), 164–172.  https://www.ncbi.nlm.nih.gov/pubmed/26621916</a:t>
            </a:r>
          </a:p>
          <a:p>
            <a:pPr>
              <a:lnSpc>
                <a:spcPts val="907"/>
              </a:lnSpc>
              <a:buSzPct val="100000"/>
            </a:pPr>
            <a:endParaRPr lang="en-US" sz="907" dirty="0">
              <a:solidFill>
                <a:srgbClr val="737373"/>
              </a:solidFill>
              <a:latin typeface="Myriad Pro Light Condensed"/>
              <a:cs typeface="Arial" panose="020B0604020202020204" pitchFamily="34" charset="0"/>
            </a:endParaRPr>
          </a:p>
          <a:p>
            <a:pPr>
              <a:lnSpc>
                <a:spcPts val="907"/>
              </a:lnSpc>
              <a:buSzPct val="100000"/>
            </a:pPr>
            <a:endParaRPr lang="en-US" sz="907" dirty="0">
              <a:solidFill>
                <a:srgbClr val="737373"/>
              </a:solidFill>
              <a:latin typeface="Myriad Pro Light Condensed"/>
              <a:cs typeface="Arial" panose="020B0604020202020204" pitchFamily="34" charset="0"/>
            </a:endParaRPr>
          </a:p>
        </p:txBody>
      </p:sp>
      <p:grpSp>
        <p:nvGrpSpPr>
          <p:cNvPr id="5" name="Group 4"/>
          <p:cNvGrpSpPr/>
          <p:nvPr/>
        </p:nvGrpSpPr>
        <p:grpSpPr>
          <a:xfrm>
            <a:off x="1642193" y="1581602"/>
            <a:ext cx="2932929" cy="2938660"/>
            <a:chOff x="2167847" y="1853048"/>
            <a:chExt cx="2856218" cy="2856218"/>
          </a:xfrm>
        </p:grpSpPr>
        <p:sp>
          <p:nvSpPr>
            <p:cNvPr id="3" name="Oval 2"/>
            <p:cNvSpPr/>
            <p:nvPr/>
          </p:nvSpPr>
          <p:spPr>
            <a:xfrm>
              <a:off x="2167847" y="1853048"/>
              <a:ext cx="2856218" cy="2856218"/>
            </a:xfrm>
            <a:prstGeom prst="ellipse">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sz="1633" dirty="0"/>
            </a:p>
          </p:txBody>
        </p:sp>
        <p:sp>
          <p:nvSpPr>
            <p:cNvPr id="145" name="Rectangle 144"/>
            <p:cNvSpPr/>
            <p:nvPr/>
          </p:nvSpPr>
          <p:spPr>
            <a:xfrm>
              <a:off x="2385255" y="2860362"/>
              <a:ext cx="2292053" cy="1024562"/>
            </a:xfrm>
            <a:prstGeom prst="rect">
              <a:avLst/>
            </a:prstGeom>
            <a:noFill/>
            <a:ln w="317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t" anchorCtr="0">
              <a:spAutoFit/>
            </a:bodyPr>
            <a:lstStyle/>
            <a:p>
              <a:pPr algn="ctr">
                <a:lnSpc>
                  <a:spcPts val="1452"/>
                </a:lnSpc>
                <a:spcBef>
                  <a:spcPts val="272"/>
                </a:spcBef>
                <a:spcAft>
                  <a:spcPts val="272"/>
                </a:spcAft>
                <a:buClr>
                  <a:srgbClr val="004986"/>
                </a:buClr>
                <a:tabLst>
                  <a:tab pos="58467" algn="l"/>
                </a:tabLst>
              </a:pPr>
              <a:r>
                <a:rPr lang="en-US" dirty="0">
                  <a:solidFill>
                    <a:schemeClr val="bg1"/>
                  </a:solidFill>
                  <a:latin typeface="Arial" panose="020B0604020202020204" pitchFamily="34" charset="0"/>
                  <a:cs typeface="Arial" panose="020B0604020202020204" pitchFamily="34" charset="0"/>
                </a:rPr>
                <a:t>Those without a high school diploma live 8 years less than those with a bachelor degree or higher.</a:t>
              </a:r>
              <a:r>
                <a:rPr lang="en-US" baseline="30000" dirty="0">
                  <a:solidFill>
                    <a:schemeClr val="bg1"/>
                  </a:solidFill>
                  <a:latin typeface="Arial" panose="020B0604020202020204" pitchFamily="34" charset="0"/>
                  <a:cs typeface="Arial" panose="020B0604020202020204" pitchFamily="34" charset="0"/>
                </a:rPr>
                <a:t>3</a:t>
              </a:r>
            </a:p>
          </p:txBody>
        </p:sp>
        <p:sp>
          <p:nvSpPr>
            <p:cNvPr id="4" name="Rectangle 3"/>
            <p:cNvSpPr/>
            <p:nvPr/>
          </p:nvSpPr>
          <p:spPr>
            <a:xfrm>
              <a:off x="2167847" y="2147299"/>
              <a:ext cx="2856218" cy="60537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sz="1633" dirty="0"/>
            </a:p>
          </p:txBody>
        </p:sp>
        <p:sp>
          <p:nvSpPr>
            <p:cNvPr id="18" name="Rectangle 17"/>
            <p:cNvSpPr/>
            <p:nvPr/>
          </p:nvSpPr>
          <p:spPr>
            <a:xfrm>
              <a:off x="2514600" y="2310748"/>
              <a:ext cx="2162709" cy="313821"/>
            </a:xfrm>
            <a:prstGeom prst="rect">
              <a:avLst/>
            </a:prstGeom>
            <a:noFill/>
            <a:ln w="317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t" anchorCtr="0">
              <a:spAutoFit/>
            </a:bodyPr>
            <a:lstStyle/>
            <a:p>
              <a:pPr algn="ctr">
                <a:lnSpc>
                  <a:spcPts val="1452"/>
                </a:lnSpc>
                <a:spcBef>
                  <a:spcPts val="272"/>
                </a:spcBef>
                <a:spcAft>
                  <a:spcPts val="272"/>
                </a:spcAft>
                <a:buClr>
                  <a:srgbClr val="004986"/>
                </a:buClr>
                <a:tabLst>
                  <a:tab pos="58467" algn="l"/>
                </a:tabLst>
              </a:pPr>
              <a:r>
                <a:rPr lang="en-US" sz="1270" dirty="0">
                  <a:solidFill>
                    <a:srgbClr val="00B050"/>
                  </a:solidFill>
                  <a:latin typeface="Arial Bold" panose="020B0704020202020204" pitchFamily="34" charset="0"/>
                  <a:cs typeface="Arial Bold" panose="020B0704020202020204" pitchFamily="34" charset="0"/>
                </a:rPr>
                <a:t>Life Expectancy</a:t>
              </a:r>
            </a:p>
          </p:txBody>
        </p:sp>
      </p:grpSp>
      <p:grpSp>
        <p:nvGrpSpPr>
          <p:cNvPr id="20" name="Group 19"/>
          <p:cNvGrpSpPr/>
          <p:nvPr/>
        </p:nvGrpSpPr>
        <p:grpSpPr>
          <a:xfrm>
            <a:off x="4645552" y="1550103"/>
            <a:ext cx="2855070" cy="2938660"/>
            <a:chOff x="2167847" y="1853048"/>
            <a:chExt cx="2856218" cy="2856218"/>
          </a:xfrm>
        </p:grpSpPr>
        <p:sp>
          <p:nvSpPr>
            <p:cNvPr id="21" name="Oval 20"/>
            <p:cNvSpPr/>
            <p:nvPr/>
          </p:nvSpPr>
          <p:spPr>
            <a:xfrm>
              <a:off x="2167847" y="1853048"/>
              <a:ext cx="2856218" cy="2856218"/>
            </a:xfrm>
            <a:prstGeom prst="ellipse">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sz="1633" dirty="0"/>
            </a:p>
          </p:txBody>
        </p:sp>
        <p:sp>
          <p:nvSpPr>
            <p:cNvPr id="22" name="Rectangle 21"/>
            <p:cNvSpPr/>
            <p:nvPr/>
          </p:nvSpPr>
          <p:spPr>
            <a:xfrm>
              <a:off x="2514600" y="2860362"/>
              <a:ext cx="2162709" cy="1286311"/>
            </a:xfrm>
            <a:prstGeom prst="rect">
              <a:avLst/>
            </a:prstGeom>
            <a:noFill/>
            <a:ln w="317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t" anchorCtr="0">
              <a:spAutoFit/>
            </a:bodyPr>
            <a:lstStyle/>
            <a:p>
              <a:pPr algn="ctr">
                <a:lnSpc>
                  <a:spcPts val="1452"/>
                </a:lnSpc>
                <a:spcBef>
                  <a:spcPts val="272"/>
                </a:spcBef>
                <a:spcAft>
                  <a:spcPts val="272"/>
                </a:spcAft>
                <a:buClr>
                  <a:srgbClr val="004986"/>
                </a:buClr>
                <a:tabLst>
                  <a:tab pos="58467" algn="l"/>
                </a:tabLst>
              </a:pPr>
              <a:r>
                <a:rPr lang="en-US" sz="1600" dirty="0">
                  <a:solidFill>
                    <a:schemeClr val="bg1"/>
                  </a:solidFill>
                  <a:latin typeface="Arial" panose="020B0604020202020204" pitchFamily="34" charset="0"/>
                  <a:cs typeface="Arial" panose="020B0604020202020204" pitchFamily="34" charset="0"/>
                </a:rPr>
                <a:t>21.7% of adults with high school diplomas smoke, vs. 5.4% of adults who have graduate degrees.</a:t>
              </a:r>
              <a:r>
                <a:rPr lang="en-US" sz="1600" baseline="30000" dirty="0">
                  <a:solidFill>
                    <a:schemeClr val="bg1"/>
                  </a:solidFill>
                  <a:latin typeface="Arial" panose="020B0604020202020204" pitchFamily="34" charset="0"/>
                  <a:cs typeface="Arial" panose="020B0604020202020204" pitchFamily="34" charset="0"/>
                </a:rPr>
                <a:t>3</a:t>
              </a:r>
            </a:p>
            <a:p>
              <a:pPr algn="ctr">
                <a:lnSpc>
                  <a:spcPts val="1452"/>
                </a:lnSpc>
                <a:spcBef>
                  <a:spcPts val="272"/>
                </a:spcBef>
                <a:spcAft>
                  <a:spcPts val="272"/>
                </a:spcAft>
                <a:buClr>
                  <a:srgbClr val="004986"/>
                </a:buClr>
                <a:tabLst>
                  <a:tab pos="58467" algn="l"/>
                </a:tabLst>
              </a:pPr>
              <a:r>
                <a:rPr lang="en-US" sz="1270" dirty="0">
                  <a:solidFill>
                    <a:schemeClr val="bg1"/>
                  </a:solidFill>
                  <a:latin typeface="Arial" panose="020B0604020202020204" pitchFamily="34" charset="0"/>
                  <a:cs typeface="Arial" panose="020B0604020202020204" pitchFamily="34" charset="0"/>
                </a:rPr>
                <a:t> </a:t>
              </a:r>
            </a:p>
          </p:txBody>
        </p:sp>
        <p:sp>
          <p:nvSpPr>
            <p:cNvPr id="23" name="Rectangle 22"/>
            <p:cNvSpPr/>
            <p:nvPr/>
          </p:nvSpPr>
          <p:spPr>
            <a:xfrm>
              <a:off x="2167847" y="2147299"/>
              <a:ext cx="2856218" cy="60537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sz="1633" dirty="0"/>
            </a:p>
          </p:txBody>
        </p:sp>
        <p:sp>
          <p:nvSpPr>
            <p:cNvPr id="24" name="Rectangle 23"/>
            <p:cNvSpPr/>
            <p:nvPr/>
          </p:nvSpPr>
          <p:spPr>
            <a:xfrm>
              <a:off x="2514600" y="2310748"/>
              <a:ext cx="2162709" cy="313821"/>
            </a:xfrm>
            <a:prstGeom prst="rect">
              <a:avLst/>
            </a:prstGeom>
            <a:noFill/>
            <a:ln w="317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t" anchorCtr="0">
              <a:spAutoFit/>
            </a:bodyPr>
            <a:lstStyle/>
            <a:p>
              <a:pPr algn="ctr">
                <a:lnSpc>
                  <a:spcPts val="1452"/>
                </a:lnSpc>
                <a:spcBef>
                  <a:spcPts val="272"/>
                </a:spcBef>
                <a:spcAft>
                  <a:spcPts val="272"/>
                </a:spcAft>
                <a:buClr>
                  <a:srgbClr val="004986"/>
                </a:buClr>
                <a:tabLst>
                  <a:tab pos="58467" algn="l"/>
                </a:tabLst>
              </a:pPr>
              <a:r>
                <a:rPr lang="en-US" sz="1270" dirty="0">
                  <a:solidFill>
                    <a:srgbClr val="00B0F0"/>
                  </a:solidFill>
                  <a:latin typeface="Arial Bold" panose="020B0704020202020204" pitchFamily="34" charset="0"/>
                  <a:cs typeface="Arial Bold" panose="020B0704020202020204" pitchFamily="34" charset="0"/>
                </a:rPr>
                <a:t>Health Behavior</a:t>
              </a:r>
            </a:p>
          </p:txBody>
        </p:sp>
      </p:grpSp>
      <p:grpSp>
        <p:nvGrpSpPr>
          <p:cNvPr id="29" name="Group 28"/>
          <p:cNvGrpSpPr/>
          <p:nvPr/>
        </p:nvGrpSpPr>
        <p:grpSpPr>
          <a:xfrm>
            <a:off x="7571053" y="1581602"/>
            <a:ext cx="2971165" cy="2875663"/>
            <a:chOff x="2167847" y="1853048"/>
            <a:chExt cx="2856218" cy="2856218"/>
          </a:xfrm>
        </p:grpSpPr>
        <p:sp>
          <p:nvSpPr>
            <p:cNvPr id="30" name="Oval 29"/>
            <p:cNvSpPr/>
            <p:nvPr/>
          </p:nvSpPr>
          <p:spPr>
            <a:xfrm>
              <a:off x="2167847" y="1853048"/>
              <a:ext cx="2856218" cy="2856218"/>
            </a:xfrm>
            <a:prstGeom prst="ellipse">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sz="1633" dirty="0"/>
            </a:p>
          </p:txBody>
        </p:sp>
        <p:sp>
          <p:nvSpPr>
            <p:cNvPr id="31" name="Rectangle 30"/>
            <p:cNvSpPr/>
            <p:nvPr/>
          </p:nvSpPr>
          <p:spPr>
            <a:xfrm>
              <a:off x="2393863" y="2860362"/>
              <a:ext cx="2407855" cy="1798114"/>
            </a:xfrm>
            <a:prstGeom prst="rect">
              <a:avLst/>
            </a:prstGeom>
            <a:noFill/>
            <a:ln w="317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t" anchorCtr="0">
              <a:spAutoFit/>
            </a:bodyPr>
            <a:lstStyle/>
            <a:p>
              <a:pPr algn="ctr">
                <a:lnSpc>
                  <a:spcPts val="1452"/>
                </a:lnSpc>
                <a:spcBef>
                  <a:spcPts val="272"/>
                </a:spcBef>
                <a:spcAft>
                  <a:spcPts val="272"/>
                </a:spcAft>
                <a:buClr>
                  <a:srgbClr val="004986"/>
                </a:buClr>
                <a:tabLst>
                  <a:tab pos="58467" algn="l"/>
                </a:tabLst>
              </a:pPr>
              <a:r>
                <a:rPr lang="en-US" sz="1270" dirty="0">
                  <a:solidFill>
                    <a:schemeClr val="bg1"/>
                  </a:solidFill>
                  <a:latin typeface="Arial" panose="020B0604020202020204" pitchFamily="34" charset="0"/>
                  <a:cs typeface="Arial" panose="020B0604020202020204" pitchFamily="34" charset="0"/>
                </a:rPr>
                <a:t>Individuals with unmet social needs are more likely to have chronic conditions, double the rate of ER visits, nearly double the rate of depression, and 60% greater prevalence of diabetes.</a:t>
              </a:r>
              <a:r>
                <a:rPr lang="en-US" sz="1270" baseline="30000" dirty="0">
                  <a:solidFill>
                    <a:schemeClr val="bg1"/>
                  </a:solidFill>
                  <a:latin typeface="Arial" panose="020B0604020202020204" pitchFamily="34" charset="0"/>
                  <a:cs typeface="Arial" panose="020B0604020202020204" pitchFamily="34" charset="0"/>
                </a:rPr>
                <a:t>4</a:t>
              </a:r>
              <a:r>
                <a:rPr lang="en-US" sz="1270" dirty="0">
                  <a:solidFill>
                    <a:schemeClr val="bg1"/>
                  </a:solidFill>
                  <a:latin typeface="Arial" panose="020B0604020202020204" pitchFamily="34" charset="0"/>
                  <a:cs typeface="Arial" panose="020B0604020202020204" pitchFamily="34" charset="0"/>
                </a:rPr>
                <a:t> </a:t>
              </a:r>
            </a:p>
          </p:txBody>
        </p:sp>
        <p:sp>
          <p:nvSpPr>
            <p:cNvPr id="32" name="Rectangle 31"/>
            <p:cNvSpPr/>
            <p:nvPr/>
          </p:nvSpPr>
          <p:spPr>
            <a:xfrm>
              <a:off x="2167847" y="2147299"/>
              <a:ext cx="2856218" cy="60537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IN" sz="1633" dirty="0"/>
            </a:p>
          </p:txBody>
        </p:sp>
        <p:sp>
          <p:nvSpPr>
            <p:cNvPr id="33" name="Rectangle 32"/>
            <p:cNvSpPr/>
            <p:nvPr/>
          </p:nvSpPr>
          <p:spPr>
            <a:xfrm>
              <a:off x="2514600" y="2310748"/>
              <a:ext cx="2162709" cy="313821"/>
            </a:xfrm>
            <a:prstGeom prst="rect">
              <a:avLst/>
            </a:prstGeom>
            <a:noFill/>
            <a:ln w="317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t" anchorCtr="0">
              <a:spAutoFit/>
            </a:bodyPr>
            <a:lstStyle/>
            <a:p>
              <a:pPr algn="ctr">
                <a:lnSpc>
                  <a:spcPts val="1452"/>
                </a:lnSpc>
                <a:spcBef>
                  <a:spcPts val="272"/>
                </a:spcBef>
                <a:spcAft>
                  <a:spcPts val="272"/>
                </a:spcAft>
                <a:buClr>
                  <a:srgbClr val="004986"/>
                </a:buClr>
                <a:tabLst>
                  <a:tab pos="58467" algn="l"/>
                </a:tabLst>
              </a:pPr>
              <a:r>
                <a:rPr lang="en-US" sz="1270" dirty="0">
                  <a:solidFill>
                    <a:srgbClr val="0070C0"/>
                  </a:solidFill>
                  <a:latin typeface="Arial Bold" panose="020B0704020202020204" pitchFamily="34" charset="0"/>
                  <a:cs typeface="Arial Bold" panose="020B0704020202020204" pitchFamily="34" charset="0"/>
                </a:rPr>
                <a:t>Health Care Utilization</a:t>
              </a:r>
            </a:p>
          </p:txBody>
        </p:sp>
      </p:grpSp>
      <p:sp>
        <p:nvSpPr>
          <p:cNvPr id="25" name="Title 1">
            <a:extLst>
              <a:ext uri="{FF2B5EF4-FFF2-40B4-BE49-F238E27FC236}">
                <a16:creationId xmlns:a16="http://schemas.microsoft.com/office/drawing/2014/main" id="{EB8578B0-B0F0-8543-AAD3-1A08E4B5A4B5}"/>
              </a:ext>
            </a:extLst>
          </p:cNvPr>
          <p:cNvSpPr txBox="1">
            <a:spLocks/>
          </p:cNvSpPr>
          <p:nvPr/>
        </p:nvSpPr>
        <p:spPr>
          <a:xfrm>
            <a:off x="247379" y="344756"/>
            <a:ext cx="9497512" cy="1188000"/>
          </a:xfrm>
          <a:prstGeom prst="rect">
            <a:avLst/>
          </a:prstGeom>
        </p:spPr>
        <p:txBody>
          <a:bodyPr/>
          <a:lstStyle>
            <a:lvl1pPr algn="l" defTabSz="914400" rtl="0" eaLnBrk="1" latinLnBrk="0" hangingPunct="1">
              <a:lnSpc>
                <a:spcPct val="100000"/>
              </a:lnSpc>
              <a:spcBef>
                <a:spcPct val="0"/>
              </a:spcBef>
              <a:buNone/>
              <a:defRPr sz="2800" b="1" kern="1200">
                <a:solidFill>
                  <a:schemeClr val="accent3"/>
                </a:solidFill>
                <a:latin typeface="+mj-lt"/>
                <a:ea typeface="+mj-ea"/>
                <a:cs typeface="+mj-cs"/>
              </a:defRPr>
            </a:lvl1pPr>
          </a:lstStyle>
          <a:p>
            <a:r>
              <a:rPr lang="en-US" dirty="0"/>
              <a:t>Why do Social Determinants of Health Matter?</a:t>
            </a:r>
          </a:p>
        </p:txBody>
      </p:sp>
      <p:sp>
        <p:nvSpPr>
          <p:cNvPr id="2" name="TextBox 1"/>
          <p:cNvSpPr txBox="1"/>
          <p:nvPr/>
        </p:nvSpPr>
        <p:spPr>
          <a:xfrm>
            <a:off x="9824591" y="5951176"/>
            <a:ext cx="2160931" cy="830600"/>
          </a:xfrm>
          <a:prstGeom prst="rect">
            <a:avLst/>
          </a:prstGeom>
          <a:solidFill>
            <a:schemeClr val="bg1"/>
          </a:solidFill>
        </p:spPr>
        <p:txBody>
          <a:bodyPr wrap="square" lIns="0" tIns="0" rIns="0" bIns="0" rtlCol="0">
            <a:spAutoFit/>
          </a:bodyPr>
          <a:lstStyle/>
          <a:p>
            <a:pPr algn="l"/>
            <a:endParaRPr lang="en-US" sz="1600" dirty="0" err="1"/>
          </a:p>
        </p:txBody>
      </p:sp>
      <p:sp>
        <p:nvSpPr>
          <p:cNvPr id="26" name="TextBox 25"/>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34" name="Picture 33"/>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6" name="TextBox 5"/>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Tree>
    <p:extLst>
      <p:ext uri="{BB962C8B-B14F-4D97-AF65-F5344CB8AC3E}">
        <p14:creationId xmlns:p14="http://schemas.microsoft.com/office/powerpoint/2010/main" val="351680508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51" name="Group 50"/>
          <p:cNvGrpSpPr/>
          <p:nvPr/>
        </p:nvGrpSpPr>
        <p:grpSpPr>
          <a:xfrm>
            <a:off x="1170720" y="3072381"/>
            <a:ext cx="9601239" cy="1370554"/>
            <a:chOff x="217943" y="3402600"/>
            <a:chExt cx="8367771" cy="1194480"/>
          </a:xfrm>
        </p:grpSpPr>
        <p:grpSp>
          <p:nvGrpSpPr>
            <p:cNvPr id="50" name="Group 49"/>
            <p:cNvGrpSpPr/>
            <p:nvPr/>
          </p:nvGrpSpPr>
          <p:grpSpPr>
            <a:xfrm>
              <a:off x="217943" y="3447647"/>
              <a:ext cx="1554480" cy="899304"/>
              <a:chOff x="217943" y="3447647"/>
              <a:chExt cx="1554480" cy="899304"/>
            </a:xfrm>
          </p:grpSpPr>
          <p:sp>
            <p:nvSpPr>
              <p:cNvPr id="15" name="TextBox 14"/>
              <p:cNvSpPr txBox="1"/>
              <p:nvPr/>
            </p:nvSpPr>
            <p:spPr>
              <a:xfrm>
                <a:off x="217943" y="4016349"/>
                <a:ext cx="1554480" cy="330602"/>
              </a:xfrm>
              <a:prstGeom prst="rect">
                <a:avLst/>
              </a:prstGeom>
              <a:noFill/>
            </p:spPr>
            <p:txBody>
              <a:bodyPr wrap="square" rtlCol="0">
                <a:spAutoFit/>
              </a:bodyPr>
              <a:lstStyle/>
              <a:p>
                <a:pPr algn="ctr"/>
                <a:r>
                  <a:rPr lang="en-US" sz="1865" dirty="0">
                    <a:solidFill>
                      <a:prstClr val="black">
                        <a:lumMod val="50000"/>
                        <a:lumOff val="50000"/>
                      </a:prstClr>
                    </a:solidFill>
                    <a:cs typeface="Arial" panose="020B0604020202020204" pitchFamily="34" charset="0"/>
                  </a:rPr>
                  <a:t>Economy</a:t>
                </a:r>
              </a:p>
            </p:txBody>
          </p:sp>
          <p:pic>
            <p:nvPicPr>
              <p:cNvPr id="20" name="Picture 19">
                <a:extLst>
                  <a:ext uri="{FF2B5EF4-FFF2-40B4-BE49-F238E27FC236}">
                    <a16:creationId xmlns:a16="http://schemas.microsoft.com/office/drawing/2014/main" id="{C693B3BC-9884-5F45-942B-355C30196119}"/>
                  </a:ext>
                </a:extLst>
              </p:cNvPr>
              <p:cNvPicPr>
                <a:picLocks noChangeAspect="1"/>
              </p:cNvPicPr>
              <p:nvPr/>
            </p:nvPicPr>
            <p:blipFill>
              <a:blip r:embed="rId3"/>
              <a:stretch>
                <a:fillRect/>
              </a:stretch>
            </p:blipFill>
            <p:spPr>
              <a:xfrm>
                <a:off x="701450" y="3447647"/>
                <a:ext cx="587466" cy="516687"/>
              </a:xfrm>
              <a:prstGeom prst="rect">
                <a:avLst/>
              </a:prstGeom>
            </p:spPr>
          </p:pic>
        </p:grpSp>
        <p:grpSp>
          <p:nvGrpSpPr>
            <p:cNvPr id="49" name="Group 48"/>
            <p:cNvGrpSpPr/>
            <p:nvPr/>
          </p:nvGrpSpPr>
          <p:grpSpPr>
            <a:xfrm>
              <a:off x="1580601" y="3513414"/>
              <a:ext cx="1554480" cy="833535"/>
              <a:chOff x="1354935" y="3513414"/>
              <a:chExt cx="1554480" cy="833535"/>
            </a:xfrm>
          </p:grpSpPr>
          <p:sp>
            <p:nvSpPr>
              <p:cNvPr id="13" name="TextBox 12"/>
              <p:cNvSpPr txBox="1"/>
              <p:nvPr/>
            </p:nvSpPr>
            <p:spPr>
              <a:xfrm>
                <a:off x="1354935" y="4016347"/>
                <a:ext cx="1554480" cy="330602"/>
              </a:xfrm>
              <a:prstGeom prst="rect">
                <a:avLst/>
              </a:prstGeom>
              <a:noFill/>
            </p:spPr>
            <p:txBody>
              <a:bodyPr wrap="square" rtlCol="0">
                <a:spAutoFit/>
              </a:bodyPr>
              <a:lstStyle/>
              <a:p>
                <a:pPr algn="ctr"/>
                <a:r>
                  <a:rPr lang="en-US" sz="1865" dirty="0">
                    <a:solidFill>
                      <a:prstClr val="black">
                        <a:lumMod val="50000"/>
                        <a:lumOff val="50000"/>
                      </a:prstClr>
                    </a:solidFill>
                    <a:cs typeface="Arial" panose="020B0604020202020204" pitchFamily="34" charset="0"/>
                  </a:rPr>
                  <a:t>Education</a:t>
                </a:r>
              </a:p>
            </p:txBody>
          </p:sp>
          <p:grpSp>
            <p:nvGrpSpPr>
              <p:cNvPr id="21" name="Group 20">
                <a:extLst>
                  <a:ext uri="{FF2B5EF4-FFF2-40B4-BE49-F238E27FC236}">
                    <a16:creationId xmlns:a16="http://schemas.microsoft.com/office/drawing/2014/main" id="{978D28E3-B175-0544-8AEA-0EC2AB89FDF8}"/>
                  </a:ext>
                </a:extLst>
              </p:cNvPr>
              <p:cNvGrpSpPr/>
              <p:nvPr/>
            </p:nvGrpSpPr>
            <p:grpSpPr>
              <a:xfrm>
                <a:off x="1752769" y="3513414"/>
                <a:ext cx="758812" cy="450920"/>
                <a:chOff x="452438" y="3545681"/>
                <a:chExt cx="1654968" cy="983457"/>
              </a:xfrm>
              <a:effectLst/>
            </p:grpSpPr>
            <p:sp>
              <p:nvSpPr>
                <p:cNvPr id="22" name="Freeform 21">
                  <a:extLst>
                    <a:ext uri="{FF2B5EF4-FFF2-40B4-BE49-F238E27FC236}">
                      <a16:creationId xmlns:a16="http://schemas.microsoft.com/office/drawing/2014/main" id="{42FE8392-9685-1B41-8E33-0E7C49BE17A7}"/>
                    </a:ext>
                  </a:extLst>
                </p:cNvPr>
                <p:cNvSpPr/>
                <p:nvPr/>
              </p:nvSpPr>
              <p:spPr>
                <a:xfrm>
                  <a:off x="452438" y="3545681"/>
                  <a:ext cx="1654968" cy="559594"/>
                </a:xfrm>
                <a:custGeom>
                  <a:avLst/>
                  <a:gdLst>
                    <a:gd name="connsiteX0" fmla="*/ 823912 w 1654968"/>
                    <a:gd name="connsiteY0" fmla="*/ 0 h 559594"/>
                    <a:gd name="connsiteX1" fmla="*/ 0 w 1654968"/>
                    <a:gd name="connsiteY1" fmla="*/ 278607 h 559594"/>
                    <a:gd name="connsiteX2" fmla="*/ 804862 w 1654968"/>
                    <a:gd name="connsiteY2" fmla="*/ 559594 h 559594"/>
                    <a:gd name="connsiteX3" fmla="*/ 1654968 w 1654968"/>
                    <a:gd name="connsiteY3" fmla="*/ 278607 h 559594"/>
                    <a:gd name="connsiteX0" fmla="*/ 823912 w 1654968"/>
                    <a:gd name="connsiteY0" fmla="*/ 0 h 559594"/>
                    <a:gd name="connsiteX1" fmla="*/ 0 w 1654968"/>
                    <a:gd name="connsiteY1" fmla="*/ 278607 h 559594"/>
                    <a:gd name="connsiteX2" fmla="*/ 804862 w 1654968"/>
                    <a:gd name="connsiteY2" fmla="*/ 559594 h 559594"/>
                    <a:gd name="connsiteX3" fmla="*/ 1654968 w 1654968"/>
                    <a:gd name="connsiteY3" fmla="*/ 278607 h 559594"/>
                    <a:gd name="connsiteX4" fmla="*/ 823912 w 1654968"/>
                    <a:gd name="connsiteY4" fmla="*/ 0 h 55959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54968" h="559594">
                      <a:moveTo>
                        <a:pt x="823912" y="0"/>
                      </a:moveTo>
                      <a:lnTo>
                        <a:pt x="0" y="278607"/>
                      </a:lnTo>
                      <a:lnTo>
                        <a:pt x="804862" y="559594"/>
                      </a:lnTo>
                      <a:lnTo>
                        <a:pt x="1654968" y="278607"/>
                      </a:lnTo>
                      <a:lnTo>
                        <a:pt x="823912" y="0"/>
                      </a:lnTo>
                      <a:close/>
                    </a:path>
                  </a:pathLst>
                </a:custGeom>
                <a:noFill/>
                <a:ln w="28575">
                  <a:solidFill>
                    <a:srgbClr val="F6862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3197">
                    <a:solidFill>
                      <a:prstClr val="black">
                        <a:lumMod val="50000"/>
                        <a:lumOff val="50000"/>
                      </a:prstClr>
                    </a:solidFill>
                  </a:endParaRPr>
                </a:p>
              </p:txBody>
            </p:sp>
            <p:sp>
              <p:nvSpPr>
                <p:cNvPr id="23" name="Freeform 22">
                  <a:extLst>
                    <a:ext uri="{FF2B5EF4-FFF2-40B4-BE49-F238E27FC236}">
                      <a16:creationId xmlns:a16="http://schemas.microsoft.com/office/drawing/2014/main" id="{71C650AE-691F-E641-B86F-5FD995A94E06}"/>
                    </a:ext>
                  </a:extLst>
                </p:cNvPr>
                <p:cNvSpPr/>
                <p:nvPr/>
              </p:nvSpPr>
              <p:spPr>
                <a:xfrm>
                  <a:off x="702469" y="3910013"/>
                  <a:ext cx="1138237" cy="476250"/>
                </a:xfrm>
                <a:custGeom>
                  <a:avLst/>
                  <a:gdLst>
                    <a:gd name="connsiteX0" fmla="*/ 0 w 1138237"/>
                    <a:gd name="connsiteY0" fmla="*/ 2381 h 476250"/>
                    <a:gd name="connsiteX1" fmla="*/ 0 w 1138237"/>
                    <a:gd name="connsiteY1" fmla="*/ 252412 h 476250"/>
                    <a:gd name="connsiteX2" fmla="*/ 571500 w 1138237"/>
                    <a:gd name="connsiteY2" fmla="*/ 476250 h 476250"/>
                    <a:gd name="connsiteX3" fmla="*/ 1138237 w 1138237"/>
                    <a:gd name="connsiteY3" fmla="*/ 261937 h 476250"/>
                    <a:gd name="connsiteX4" fmla="*/ 1138237 w 1138237"/>
                    <a:gd name="connsiteY4" fmla="*/ 0 h 4762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38237" h="476250">
                      <a:moveTo>
                        <a:pt x="0" y="2381"/>
                      </a:moveTo>
                      <a:lnTo>
                        <a:pt x="0" y="252412"/>
                      </a:lnTo>
                      <a:lnTo>
                        <a:pt x="571500" y="476250"/>
                      </a:lnTo>
                      <a:lnTo>
                        <a:pt x="1138237" y="261937"/>
                      </a:lnTo>
                      <a:lnTo>
                        <a:pt x="1138237" y="0"/>
                      </a:lnTo>
                    </a:path>
                  </a:pathLst>
                </a:custGeom>
                <a:noFill/>
                <a:ln w="28575">
                  <a:solidFill>
                    <a:srgbClr val="F6862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3197">
                    <a:solidFill>
                      <a:prstClr val="black">
                        <a:lumMod val="50000"/>
                        <a:lumOff val="50000"/>
                      </a:prstClr>
                    </a:solidFill>
                  </a:endParaRPr>
                </a:p>
              </p:txBody>
            </p:sp>
            <p:sp>
              <p:nvSpPr>
                <p:cNvPr id="24" name="Freeform 23">
                  <a:extLst>
                    <a:ext uri="{FF2B5EF4-FFF2-40B4-BE49-F238E27FC236}">
                      <a16:creationId xmlns:a16="http://schemas.microsoft.com/office/drawing/2014/main" id="{6CF1AE34-9D6A-184B-AD20-59A0A6845A62}"/>
                    </a:ext>
                  </a:extLst>
                </p:cNvPr>
                <p:cNvSpPr/>
                <p:nvPr/>
              </p:nvSpPr>
              <p:spPr>
                <a:xfrm>
                  <a:off x="964406" y="3805238"/>
                  <a:ext cx="314325" cy="723900"/>
                </a:xfrm>
                <a:custGeom>
                  <a:avLst/>
                  <a:gdLst>
                    <a:gd name="connsiteX0" fmla="*/ 314325 w 314325"/>
                    <a:gd name="connsiteY0" fmla="*/ 0 h 723900"/>
                    <a:gd name="connsiteX1" fmla="*/ 61913 w 314325"/>
                    <a:gd name="connsiteY1" fmla="*/ 240506 h 723900"/>
                    <a:gd name="connsiteX2" fmla="*/ 57150 w 314325"/>
                    <a:gd name="connsiteY2" fmla="*/ 511968 h 723900"/>
                    <a:gd name="connsiteX3" fmla="*/ 119063 w 314325"/>
                    <a:gd name="connsiteY3" fmla="*/ 723900 h 723900"/>
                    <a:gd name="connsiteX4" fmla="*/ 0 w 314325"/>
                    <a:gd name="connsiteY4" fmla="*/ 721518 h 723900"/>
                    <a:gd name="connsiteX5" fmla="*/ 57150 w 314325"/>
                    <a:gd name="connsiteY5" fmla="*/ 504825 h 723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14325" h="723900">
                      <a:moveTo>
                        <a:pt x="314325" y="0"/>
                      </a:moveTo>
                      <a:lnTo>
                        <a:pt x="61913" y="240506"/>
                      </a:lnTo>
                      <a:cubicBezTo>
                        <a:pt x="60325" y="330993"/>
                        <a:pt x="58738" y="421481"/>
                        <a:pt x="57150" y="511968"/>
                      </a:cubicBezTo>
                      <a:lnTo>
                        <a:pt x="119063" y="723900"/>
                      </a:lnTo>
                      <a:lnTo>
                        <a:pt x="0" y="721518"/>
                      </a:lnTo>
                      <a:lnTo>
                        <a:pt x="57150" y="504825"/>
                      </a:lnTo>
                    </a:path>
                  </a:pathLst>
                </a:custGeom>
                <a:noFill/>
                <a:ln w="28575">
                  <a:solidFill>
                    <a:srgbClr val="F6862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3197">
                    <a:solidFill>
                      <a:prstClr val="black">
                        <a:lumMod val="50000"/>
                        <a:lumOff val="50000"/>
                      </a:prstClr>
                    </a:solidFill>
                  </a:endParaRPr>
                </a:p>
              </p:txBody>
            </p:sp>
            <p:sp>
              <p:nvSpPr>
                <p:cNvPr id="25" name="Oval 24">
                  <a:extLst>
                    <a:ext uri="{FF2B5EF4-FFF2-40B4-BE49-F238E27FC236}">
                      <a16:creationId xmlns:a16="http://schemas.microsoft.com/office/drawing/2014/main" id="{3B8A61A4-C00E-A645-B387-8206790ADE8E}"/>
                    </a:ext>
                  </a:extLst>
                </p:cNvPr>
                <p:cNvSpPr/>
                <p:nvPr/>
              </p:nvSpPr>
              <p:spPr>
                <a:xfrm>
                  <a:off x="1243280" y="3768596"/>
                  <a:ext cx="73283" cy="73283"/>
                </a:xfrm>
                <a:prstGeom prst="ellipse">
                  <a:avLst/>
                </a:prstGeom>
                <a:solidFill>
                  <a:srgbClr val="188CCC"/>
                </a:solidFill>
                <a:ln>
                  <a:solidFill>
                    <a:srgbClr val="F6862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3197">
                    <a:solidFill>
                      <a:prstClr val="black">
                        <a:lumMod val="50000"/>
                        <a:lumOff val="50000"/>
                      </a:prstClr>
                    </a:solidFill>
                  </a:endParaRPr>
                </a:p>
              </p:txBody>
            </p:sp>
          </p:grpSp>
        </p:grpSp>
        <p:grpSp>
          <p:nvGrpSpPr>
            <p:cNvPr id="48" name="Group 47"/>
            <p:cNvGrpSpPr/>
            <p:nvPr/>
          </p:nvGrpSpPr>
          <p:grpSpPr>
            <a:xfrm>
              <a:off x="2943259" y="3421584"/>
              <a:ext cx="1554480" cy="925366"/>
              <a:chOff x="2666618" y="3421584"/>
              <a:chExt cx="1554480" cy="925366"/>
            </a:xfrm>
          </p:grpSpPr>
          <p:sp>
            <p:nvSpPr>
              <p:cNvPr id="12" name="TextBox 11"/>
              <p:cNvSpPr txBox="1"/>
              <p:nvPr/>
            </p:nvSpPr>
            <p:spPr>
              <a:xfrm>
                <a:off x="2666618" y="4016348"/>
                <a:ext cx="1554480" cy="330602"/>
              </a:xfrm>
              <a:prstGeom prst="rect">
                <a:avLst/>
              </a:prstGeom>
              <a:noFill/>
            </p:spPr>
            <p:txBody>
              <a:bodyPr wrap="square" rtlCol="0">
                <a:spAutoFit/>
              </a:bodyPr>
              <a:lstStyle/>
              <a:p>
                <a:pPr algn="ctr"/>
                <a:r>
                  <a:rPr lang="en-US" sz="1865" dirty="0">
                    <a:solidFill>
                      <a:prstClr val="black">
                        <a:lumMod val="50000"/>
                        <a:lumOff val="50000"/>
                      </a:prstClr>
                    </a:solidFill>
                    <a:cs typeface="Arial" panose="020B0604020202020204" pitchFamily="34" charset="0"/>
                  </a:rPr>
                  <a:t>Cultural</a:t>
                </a:r>
              </a:p>
            </p:txBody>
          </p:sp>
          <p:pic>
            <p:nvPicPr>
              <p:cNvPr id="26" name="Picture 25">
                <a:extLst>
                  <a:ext uri="{FF2B5EF4-FFF2-40B4-BE49-F238E27FC236}">
                    <a16:creationId xmlns:a16="http://schemas.microsoft.com/office/drawing/2014/main" id="{FB08A483-D2E4-4842-A370-5BD9ED4416EC}"/>
                  </a:ext>
                </a:extLst>
              </p:cNvPr>
              <p:cNvPicPr>
                <a:picLocks noChangeAspect="1"/>
              </p:cNvPicPr>
              <p:nvPr/>
            </p:nvPicPr>
            <p:blipFill>
              <a:blip r:embed="rId4"/>
              <a:stretch>
                <a:fillRect/>
              </a:stretch>
            </p:blipFill>
            <p:spPr>
              <a:xfrm>
                <a:off x="3194788" y="3421584"/>
                <a:ext cx="498141" cy="542750"/>
              </a:xfrm>
              <a:prstGeom prst="rect">
                <a:avLst/>
              </a:prstGeom>
            </p:spPr>
          </p:pic>
        </p:grpSp>
        <p:grpSp>
          <p:nvGrpSpPr>
            <p:cNvPr id="47" name="Group 46"/>
            <p:cNvGrpSpPr/>
            <p:nvPr/>
          </p:nvGrpSpPr>
          <p:grpSpPr>
            <a:xfrm>
              <a:off x="4305917" y="3481451"/>
              <a:ext cx="1554480" cy="1115629"/>
              <a:chOff x="3958231" y="3481451"/>
              <a:chExt cx="1554480" cy="1115629"/>
            </a:xfrm>
          </p:grpSpPr>
          <p:sp>
            <p:nvSpPr>
              <p:cNvPr id="14" name="TextBox 13"/>
              <p:cNvSpPr txBox="1"/>
              <p:nvPr/>
            </p:nvSpPr>
            <p:spPr>
              <a:xfrm>
                <a:off x="3958231" y="4016348"/>
                <a:ext cx="1554480" cy="580732"/>
              </a:xfrm>
              <a:prstGeom prst="rect">
                <a:avLst/>
              </a:prstGeom>
              <a:noFill/>
            </p:spPr>
            <p:txBody>
              <a:bodyPr wrap="square" rtlCol="0">
                <a:spAutoFit/>
              </a:bodyPr>
              <a:lstStyle/>
              <a:p>
                <a:pPr algn="ctr"/>
                <a:r>
                  <a:rPr lang="en-US" sz="1865" dirty="0">
                    <a:solidFill>
                      <a:prstClr val="black">
                        <a:lumMod val="50000"/>
                        <a:lumOff val="50000"/>
                      </a:prstClr>
                    </a:solidFill>
                    <a:cs typeface="Arial" panose="020B0604020202020204" pitchFamily="34" charset="0"/>
                  </a:rPr>
                  <a:t>Health coverage</a:t>
                </a:r>
              </a:p>
            </p:txBody>
          </p:sp>
          <p:pic>
            <p:nvPicPr>
              <p:cNvPr id="27" name="Picture 26">
                <a:extLst>
                  <a:ext uri="{FF2B5EF4-FFF2-40B4-BE49-F238E27FC236}">
                    <a16:creationId xmlns:a16="http://schemas.microsoft.com/office/drawing/2014/main" id="{B7772D54-2A2B-7545-8F59-E7BB0B209641}"/>
                  </a:ext>
                </a:extLst>
              </p:cNvPr>
              <p:cNvPicPr>
                <a:picLocks noChangeAspect="1"/>
              </p:cNvPicPr>
              <p:nvPr/>
            </p:nvPicPr>
            <p:blipFill>
              <a:blip r:embed="rId5"/>
              <a:stretch>
                <a:fillRect/>
              </a:stretch>
            </p:blipFill>
            <p:spPr>
              <a:xfrm>
                <a:off x="4467622" y="3481451"/>
                <a:ext cx="535698" cy="482883"/>
              </a:xfrm>
              <a:prstGeom prst="rect">
                <a:avLst/>
              </a:prstGeom>
            </p:spPr>
          </p:pic>
        </p:grpSp>
        <p:grpSp>
          <p:nvGrpSpPr>
            <p:cNvPr id="46" name="Group 45"/>
            <p:cNvGrpSpPr/>
            <p:nvPr/>
          </p:nvGrpSpPr>
          <p:grpSpPr>
            <a:xfrm>
              <a:off x="5668575" y="3402600"/>
              <a:ext cx="1554480" cy="944349"/>
              <a:chOff x="5513049" y="3402600"/>
              <a:chExt cx="1554480" cy="944349"/>
            </a:xfrm>
          </p:grpSpPr>
          <p:sp>
            <p:nvSpPr>
              <p:cNvPr id="16" name="TextBox 15"/>
              <p:cNvSpPr txBox="1"/>
              <p:nvPr/>
            </p:nvSpPr>
            <p:spPr>
              <a:xfrm>
                <a:off x="5513049" y="4016347"/>
                <a:ext cx="1554480" cy="330602"/>
              </a:xfrm>
              <a:prstGeom prst="rect">
                <a:avLst/>
              </a:prstGeom>
              <a:noFill/>
            </p:spPr>
            <p:txBody>
              <a:bodyPr wrap="square" rtlCol="0">
                <a:spAutoFit/>
              </a:bodyPr>
              <a:lstStyle/>
              <a:p>
                <a:pPr algn="ctr"/>
                <a:r>
                  <a:rPr lang="en-US" sz="1865" dirty="0">
                    <a:solidFill>
                      <a:prstClr val="black">
                        <a:lumMod val="50000"/>
                        <a:lumOff val="50000"/>
                      </a:prstClr>
                    </a:solidFill>
                    <a:cs typeface="Arial" panose="020B0604020202020204" pitchFamily="34" charset="0"/>
                  </a:rPr>
                  <a:t>Infrastructure</a:t>
                </a:r>
              </a:p>
            </p:txBody>
          </p:sp>
          <p:grpSp>
            <p:nvGrpSpPr>
              <p:cNvPr id="28" name="Group 27">
                <a:extLst>
                  <a:ext uri="{FF2B5EF4-FFF2-40B4-BE49-F238E27FC236}">
                    <a16:creationId xmlns:a16="http://schemas.microsoft.com/office/drawing/2014/main" id="{E7691325-EFEF-D741-95E1-D83A5B2466D3}"/>
                  </a:ext>
                </a:extLst>
              </p:cNvPr>
              <p:cNvGrpSpPr/>
              <p:nvPr/>
            </p:nvGrpSpPr>
            <p:grpSpPr>
              <a:xfrm>
                <a:off x="6005569" y="3402600"/>
                <a:ext cx="569440" cy="561734"/>
                <a:chOff x="1715938" y="1524323"/>
                <a:chExt cx="887530" cy="875520"/>
              </a:xfrm>
            </p:grpSpPr>
            <p:sp>
              <p:nvSpPr>
                <p:cNvPr id="29" name="Freeform 28">
                  <a:extLst>
                    <a:ext uri="{FF2B5EF4-FFF2-40B4-BE49-F238E27FC236}">
                      <a16:creationId xmlns:a16="http://schemas.microsoft.com/office/drawing/2014/main" id="{98472051-E8CD-DF4B-97C1-F0C75B46AE37}"/>
                    </a:ext>
                  </a:extLst>
                </p:cNvPr>
                <p:cNvSpPr/>
                <p:nvPr/>
              </p:nvSpPr>
              <p:spPr>
                <a:xfrm>
                  <a:off x="1715938" y="1524323"/>
                  <a:ext cx="887530" cy="373292"/>
                </a:xfrm>
                <a:custGeom>
                  <a:avLst/>
                  <a:gdLst>
                    <a:gd name="connsiteX0" fmla="*/ 669131 w 1228725"/>
                    <a:gd name="connsiteY0" fmla="*/ 0 h 504825"/>
                    <a:gd name="connsiteX1" fmla="*/ 538162 w 1228725"/>
                    <a:gd name="connsiteY1" fmla="*/ 2381 h 504825"/>
                    <a:gd name="connsiteX2" fmla="*/ 0 w 1228725"/>
                    <a:gd name="connsiteY2" fmla="*/ 311944 h 504825"/>
                    <a:gd name="connsiteX3" fmla="*/ 33337 w 1228725"/>
                    <a:gd name="connsiteY3" fmla="*/ 411956 h 504825"/>
                    <a:gd name="connsiteX4" fmla="*/ 88106 w 1228725"/>
                    <a:gd name="connsiteY4" fmla="*/ 504825 h 504825"/>
                    <a:gd name="connsiteX5" fmla="*/ 1131093 w 1228725"/>
                    <a:gd name="connsiteY5" fmla="*/ 504825 h 504825"/>
                    <a:gd name="connsiteX6" fmla="*/ 1178718 w 1228725"/>
                    <a:gd name="connsiteY6" fmla="*/ 411956 h 504825"/>
                    <a:gd name="connsiteX7" fmla="*/ 1228725 w 1228725"/>
                    <a:gd name="connsiteY7" fmla="*/ 302419 h 504825"/>
                    <a:gd name="connsiteX8" fmla="*/ 669131 w 1228725"/>
                    <a:gd name="connsiteY8" fmla="*/ 0 h 504825"/>
                    <a:gd name="connsiteX0" fmla="*/ 690978 w 1250572"/>
                    <a:gd name="connsiteY0" fmla="*/ 0 h 504825"/>
                    <a:gd name="connsiteX1" fmla="*/ 560009 w 1250572"/>
                    <a:gd name="connsiteY1" fmla="*/ 2381 h 504825"/>
                    <a:gd name="connsiteX2" fmla="*/ 21847 w 1250572"/>
                    <a:gd name="connsiteY2" fmla="*/ 311944 h 504825"/>
                    <a:gd name="connsiteX3" fmla="*/ 55184 w 1250572"/>
                    <a:gd name="connsiteY3" fmla="*/ 411956 h 504825"/>
                    <a:gd name="connsiteX4" fmla="*/ 109953 w 1250572"/>
                    <a:gd name="connsiteY4" fmla="*/ 504825 h 504825"/>
                    <a:gd name="connsiteX5" fmla="*/ 1152940 w 1250572"/>
                    <a:gd name="connsiteY5" fmla="*/ 504825 h 504825"/>
                    <a:gd name="connsiteX6" fmla="*/ 1200565 w 1250572"/>
                    <a:gd name="connsiteY6" fmla="*/ 411956 h 504825"/>
                    <a:gd name="connsiteX7" fmla="*/ 1250572 w 1250572"/>
                    <a:gd name="connsiteY7" fmla="*/ 302419 h 504825"/>
                    <a:gd name="connsiteX8" fmla="*/ 690978 w 1250572"/>
                    <a:gd name="connsiteY8" fmla="*/ 0 h 504825"/>
                    <a:gd name="connsiteX0" fmla="*/ 690978 w 1250572"/>
                    <a:gd name="connsiteY0" fmla="*/ 0 h 504825"/>
                    <a:gd name="connsiteX1" fmla="*/ 560009 w 1250572"/>
                    <a:gd name="connsiteY1" fmla="*/ 2381 h 504825"/>
                    <a:gd name="connsiteX2" fmla="*/ 21847 w 1250572"/>
                    <a:gd name="connsiteY2" fmla="*/ 311944 h 504825"/>
                    <a:gd name="connsiteX3" fmla="*/ 55184 w 1250572"/>
                    <a:gd name="connsiteY3" fmla="*/ 411956 h 504825"/>
                    <a:gd name="connsiteX4" fmla="*/ 109953 w 1250572"/>
                    <a:gd name="connsiteY4" fmla="*/ 504825 h 504825"/>
                    <a:gd name="connsiteX5" fmla="*/ 1152940 w 1250572"/>
                    <a:gd name="connsiteY5" fmla="*/ 504825 h 504825"/>
                    <a:gd name="connsiteX6" fmla="*/ 1200565 w 1250572"/>
                    <a:gd name="connsiteY6" fmla="*/ 411956 h 504825"/>
                    <a:gd name="connsiteX7" fmla="*/ 1250572 w 1250572"/>
                    <a:gd name="connsiteY7" fmla="*/ 302419 h 504825"/>
                    <a:gd name="connsiteX8" fmla="*/ 690978 w 1250572"/>
                    <a:gd name="connsiteY8" fmla="*/ 0 h 504825"/>
                    <a:gd name="connsiteX0" fmla="*/ 687533 w 1247127"/>
                    <a:gd name="connsiteY0" fmla="*/ 0 h 504825"/>
                    <a:gd name="connsiteX1" fmla="*/ 556564 w 1247127"/>
                    <a:gd name="connsiteY1" fmla="*/ 2381 h 504825"/>
                    <a:gd name="connsiteX2" fmla="*/ 18402 w 1247127"/>
                    <a:gd name="connsiteY2" fmla="*/ 311944 h 504825"/>
                    <a:gd name="connsiteX3" fmla="*/ 75551 w 1247127"/>
                    <a:gd name="connsiteY3" fmla="*/ 409574 h 504825"/>
                    <a:gd name="connsiteX4" fmla="*/ 106508 w 1247127"/>
                    <a:gd name="connsiteY4" fmla="*/ 504825 h 504825"/>
                    <a:gd name="connsiteX5" fmla="*/ 1149495 w 1247127"/>
                    <a:gd name="connsiteY5" fmla="*/ 504825 h 504825"/>
                    <a:gd name="connsiteX6" fmla="*/ 1197120 w 1247127"/>
                    <a:gd name="connsiteY6" fmla="*/ 411956 h 504825"/>
                    <a:gd name="connsiteX7" fmla="*/ 1247127 w 1247127"/>
                    <a:gd name="connsiteY7" fmla="*/ 302419 h 504825"/>
                    <a:gd name="connsiteX8" fmla="*/ 687533 w 1247127"/>
                    <a:gd name="connsiteY8" fmla="*/ 0 h 504825"/>
                    <a:gd name="connsiteX0" fmla="*/ 687533 w 1247127"/>
                    <a:gd name="connsiteY0" fmla="*/ 0 h 504825"/>
                    <a:gd name="connsiteX1" fmla="*/ 556564 w 1247127"/>
                    <a:gd name="connsiteY1" fmla="*/ 2381 h 504825"/>
                    <a:gd name="connsiteX2" fmla="*/ 18402 w 1247127"/>
                    <a:gd name="connsiteY2" fmla="*/ 311944 h 504825"/>
                    <a:gd name="connsiteX3" fmla="*/ 75551 w 1247127"/>
                    <a:gd name="connsiteY3" fmla="*/ 409574 h 504825"/>
                    <a:gd name="connsiteX4" fmla="*/ 106508 w 1247127"/>
                    <a:gd name="connsiteY4" fmla="*/ 504825 h 504825"/>
                    <a:gd name="connsiteX5" fmla="*/ 1149495 w 1247127"/>
                    <a:gd name="connsiteY5" fmla="*/ 504825 h 504825"/>
                    <a:gd name="connsiteX6" fmla="*/ 1197120 w 1247127"/>
                    <a:gd name="connsiteY6" fmla="*/ 411956 h 504825"/>
                    <a:gd name="connsiteX7" fmla="*/ 1247127 w 1247127"/>
                    <a:gd name="connsiteY7" fmla="*/ 302419 h 504825"/>
                    <a:gd name="connsiteX8" fmla="*/ 687533 w 1247127"/>
                    <a:gd name="connsiteY8" fmla="*/ 0 h 504825"/>
                    <a:gd name="connsiteX0" fmla="*/ 687533 w 1247127"/>
                    <a:gd name="connsiteY0" fmla="*/ 0 h 504825"/>
                    <a:gd name="connsiteX1" fmla="*/ 556564 w 1247127"/>
                    <a:gd name="connsiteY1" fmla="*/ 2381 h 504825"/>
                    <a:gd name="connsiteX2" fmla="*/ 18402 w 1247127"/>
                    <a:gd name="connsiteY2" fmla="*/ 311944 h 504825"/>
                    <a:gd name="connsiteX3" fmla="*/ 75551 w 1247127"/>
                    <a:gd name="connsiteY3" fmla="*/ 409574 h 504825"/>
                    <a:gd name="connsiteX4" fmla="*/ 106508 w 1247127"/>
                    <a:gd name="connsiteY4" fmla="*/ 504825 h 504825"/>
                    <a:gd name="connsiteX5" fmla="*/ 1149495 w 1247127"/>
                    <a:gd name="connsiteY5" fmla="*/ 504825 h 504825"/>
                    <a:gd name="connsiteX6" fmla="*/ 1197120 w 1247127"/>
                    <a:gd name="connsiteY6" fmla="*/ 411956 h 504825"/>
                    <a:gd name="connsiteX7" fmla="*/ 1247127 w 1247127"/>
                    <a:gd name="connsiteY7" fmla="*/ 302419 h 504825"/>
                    <a:gd name="connsiteX8" fmla="*/ 687533 w 1247127"/>
                    <a:gd name="connsiteY8" fmla="*/ 0 h 504825"/>
                    <a:gd name="connsiteX0" fmla="*/ 695307 w 1254901"/>
                    <a:gd name="connsiteY0" fmla="*/ 0 h 504825"/>
                    <a:gd name="connsiteX1" fmla="*/ 564338 w 1254901"/>
                    <a:gd name="connsiteY1" fmla="*/ 2381 h 504825"/>
                    <a:gd name="connsiteX2" fmla="*/ 26176 w 1254901"/>
                    <a:gd name="connsiteY2" fmla="*/ 311944 h 504825"/>
                    <a:gd name="connsiteX3" fmla="*/ 83325 w 1254901"/>
                    <a:gd name="connsiteY3" fmla="*/ 409574 h 504825"/>
                    <a:gd name="connsiteX4" fmla="*/ 114282 w 1254901"/>
                    <a:gd name="connsiteY4" fmla="*/ 504825 h 504825"/>
                    <a:gd name="connsiteX5" fmla="*/ 1157269 w 1254901"/>
                    <a:gd name="connsiteY5" fmla="*/ 504825 h 504825"/>
                    <a:gd name="connsiteX6" fmla="*/ 1204894 w 1254901"/>
                    <a:gd name="connsiteY6" fmla="*/ 411956 h 504825"/>
                    <a:gd name="connsiteX7" fmla="*/ 1254901 w 1254901"/>
                    <a:gd name="connsiteY7" fmla="*/ 302419 h 504825"/>
                    <a:gd name="connsiteX8" fmla="*/ 695307 w 1254901"/>
                    <a:gd name="connsiteY8" fmla="*/ 0 h 504825"/>
                    <a:gd name="connsiteX0" fmla="*/ 697623 w 1257217"/>
                    <a:gd name="connsiteY0" fmla="*/ 0 h 504825"/>
                    <a:gd name="connsiteX1" fmla="*/ 566654 w 1257217"/>
                    <a:gd name="connsiteY1" fmla="*/ 2381 h 504825"/>
                    <a:gd name="connsiteX2" fmla="*/ 28492 w 1257217"/>
                    <a:gd name="connsiteY2" fmla="*/ 311944 h 504825"/>
                    <a:gd name="connsiteX3" fmla="*/ 85641 w 1257217"/>
                    <a:gd name="connsiteY3" fmla="*/ 409574 h 504825"/>
                    <a:gd name="connsiteX4" fmla="*/ 116598 w 1257217"/>
                    <a:gd name="connsiteY4" fmla="*/ 504825 h 504825"/>
                    <a:gd name="connsiteX5" fmla="*/ 1159585 w 1257217"/>
                    <a:gd name="connsiteY5" fmla="*/ 504825 h 504825"/>
                    <a:gd name="connsiteX6" fmla="*/ 1207210 w 1257217"/>
                    <a:gd name="connsiteY6" fmla="*/ 411956 h 504825"/>
                    <a:gd name="connsiteX7" fmla="*/ 1257217 w 1257217"/>
                    <a:gd name="connsiteY7" fmla="*/ 302419 h 504825"/>
                    <a:gd name="connsiteX8" fmla="*/ 697623 w 1257217"/>
                    <a:gd name="connsiteY8" fmla="*/ 0 h 504825"/>
                    <a:gd name="connsiteX0" fmla="*/ 696609 w 1256203"/>
                    <a:gd name="connsiteY0" fmla="*/ 0 h 504825"/>
                    <a:gd name="connsiteX1" fmla="*/ 565640 w 1256203"/>
                    <a:gd name="connsiteY1" fmla="*/ 2381 h 504825"/>
                    <a:gd name="connsiteX2" fmla="*/ 27478 w 1256203"/>
                    <a:gd name="connsiteY2" fmla="*/ 311944 h 504825"/>
                    <a:gd name="connsiteX3" fmla="*/ 84627 w 1256203"/>
                    <a:gd name="connsiteY3" fmla="*/ 409574 h 504825"/>
                    <a:gd name="connsiteX4" fmla="*/ 115584 w 1256203"/>
                    <a:gd name="connsiteY4" fmla="*/ 504825 h 504825"/>
                    <a:gd name="connsiteX5" fmla="*/ 1158571 w 1256203"/>
                    <a:gd name="connsiteY5" fmla="*/ 504825 h 504825"/>
                    <a:gd name="connsiteX6" fmla="*/ 1206196 w 1256203"/>
                    <a:gd name="connsiteY6" fmla="*/ 411956 h 504825"/>
                    <a:gd name="connsiteX7" fmla="*/ 1256203 w 1256203"/>
                    <a:gd name="connsiteY7" fmla="*/ 302419 h 504825"/>
                    <a:gd name="connsiteX8" fmla="*/ 696609 w 1256203"/>
                    <a:gd name="connsiteY8" fmla="*/ 0 h 504825"/>
                    <a:gd name="connsiteX0" fmla="*/ 692572 w 1252166"/>
                    <a:gd name="connsiteY0" fmla="*/ 0 h 504825"/>
                    <a:gd name="connsiteX1" fmla="*/ 561603 w 1252166"/>
                    <a:gd name="connsiteY1" fmla="*/ 2381 h 504825"/>
                    <a:gd name="connsiteX2" fmla="*/ 23441 w 1252166"/>
                    <a:gd name="connsiteY2" fmla="*/ 311944 h 504825"/>
                    <a:gd name="connsiteX3" fmla="*/ 80590 w 1252166"/>
                    <a:gd name="connsiteY3" fmla="*/ 409574 h 504825"/>
                    <a:gd name="connsiteX4" fmla="*/ 111547 w 1252166"/>
                    <a:gd name="connsiteY4" fmla="*/ 504825 h 504825"/>
                    <a:gd name="connsiteX5" fmla="*/ 1154534 w 1252166"/>
                    <a:gd name="connsiteY5" fmla="*/ 504825 h 504825"/>
                    <a:gd name="connsiteX6" fmla="*/ 1202159 w 1252166"/>
                    <a:gd name="connsiteY6" fmla="*/ 411956 h 504825"/>
                    <a:gd name="connsiteX7" fmla="*/ 1252166 w 1252166"/>
                    <a:gd name="connsiteY7" fmla="*/ 302419 h 504825"/>
                    <a:gd name="connsiteX8" fmla="*/ 692572 w 1252166"/>
                    <a:gd name="connsiteY8" fmla="*/ 0 h 504825"/>
                    <a:gd name="connsiteX0" fmla="*/ 692572 w 1252166"/>
                    <a:gd name="connsiteY0" fmla="*/ 0 h 504825"/>
                    <a:gd name="connsiteX1" fmla="*/ 561603 w 1252166"/>
                    <a:gd name="connsiteY1" fmla="*/ 2381 h 504825"/>
                    <a:gd name="connsiteX2" fmla="*/ 23441 w 1252166"/>
                    <a:gd name="connsiteY2" fmla="*/ 311944 h 504825"/>
                    <a:gd name="connsiteX3" fmla="*/ 80590 w 1252166"/>
                    <a:gd name="connsiteY3" fmla="*/ 409574 h 504825"/>
                    <a:gd name="connsiteX4" fmla="*/ 111547 w 1252166"/>
                    <a:gd name="connsiteY4" fmla="*/ 504825 h 504825"/>
                    <a:gd name="connsiteX5" fmla="*/ 1154534 w 1252166"/>
                    <a:gd name="connsiteY5" fmla="*/ 504825 h 504825"/>
                    <a:gd name="connsiteX6" fmla="*/ 1202159 w 1252166"/>
                    <a:gd name="connsiteY6" fmla="*/ 411956 h 504825"/>
                    <a:gd name="connsiteX7" fmla="*/ 1252166 w 1252166"/>
                    <a:gd name="connsiteY7" fmla="*/ 302419 h 504825"/>
                    <a:gd name="connsiteX8" fmla="*/ 692572 w 1252166"/>
                    <a:gd name="connsiteY8" fmla="*/ 0 h 504825"/>
                    <a:gd name="connsiteX0" fmla="*/ 692572 w 1252166"/>
                    <a:gd name="connsiteY0" fmla="*/ 26995 h 531820"/>
                    <a:gd name="connsiteX1" fmla="*/ 561603 w 1252166"/>
                    <a:gd name="connsiteY1" fmla="*/ 29376 h 531820"/>
                    <a:gd name="connsiteX2" fmla="*/ 23441 w 1252166"/>
                    <a:gd name="connsiteY2" fmla="*/ 338939 h 531820"/>
                    <a:gd name="connsiteX3" fmla="*/ 80590 w 1252166"/>
                    <a:gd name="connsiteY3" fmla="*/ 436569 h 531820"/>
                    <a:gd name="connsiteX4" fmla="*/ 111547 w 1252166"/>
                    <a:gd name="connsiteY4" fmla="*/ 531820 h 531820"/>
                    <a:gd name="connsiteX5" fmla="*/ 1154534 w 1252166"/>
                    <a:gd name="connsiteY5" fmla="*/ 531820 h 531820"/>
                    <a:gd name="connsiteX6" fmla="*/ 1202159 w 1252166"/>
                    <a:gd name="connsiteY6" fmla="*/ 438951 h 531820"/>
                    <a:gd name="connsiteX7" fmla="*/ 1252166 w 1252166"/>
                    <a:gd name="connsiteY7" fmla="*/ 329414 h 531820"/>
                    <a:gd name="connsiteX8" fmla="*/ 692572 w 1252166"/>
                    <a:gd name="connsiteY8" fmla="*/ 26995 h 531820"/>
                    <a:gd name="connsiteX0" fmla="*/ 692572 w 1252166"/>
                    <a:gd name="connsiteY0" fmla="*/ 33210 h 538035"/>
                    <a:gd name="connsiteX1" fmla="*/ 561603 w 1252166"/>
                    <a:gd name="connsiteY1" fmla="*/ 35591 h 538035"/>
                    <a:gd name="connsiteX2" fmla="*/ 23441 w 1252166"/>
                    <a:gd name="connsiteY2" fmla="*/ 345154 h 538035"/>
                    <a:gd name="connsiteX3" fmla="*/ 80590 w 1252166"/>
                    <a:gd name="connsiteY3" fmla="*/ 442784 h 538035"/>
                    <a:gd name="connsiteX4" fmla="*/ 111547 w 1252166"/>
                    <a:gd name="connsiteY4" fmla="*/ 538035 h 538035"/>
                    <a:gd name="connsiteX5" fmla="*/ 1154534 w 1252166"/>
                    <a:gd name="connsiteY5" fmla="*/ 538035 h 538035"/>
                    <a:gd name="connsiteX6" fmla="*/ 1202159 w 1252166"/>
                    <a:gd name="connsiteY6" fmla="*/ 445166 h 538035"/>
                    <a:gd name="connsiteX7" fmla="*/ 1252166 w 1252166"/>
                    <a:gd name="connsiteY7" fmla="*/ 335629 h 538035"/>
                    <a:gd name="connsiteX8" fmla="*/ 692572 w 1252166"/>
                    <a:gd name="connsiteY8" fmla="*/ 33210 h 538035"/>
                    <a:gd name="connsiteX0" fmla="*/ 692572 w 1252166"/>
                    <a:gd name="connsiteY0" fmla="*/ 30536 h 535361"/>
                    <a:gd name="connsiteX1" fmla="*/ 561603 w 1252166"/>
                    <a:gd name="connsiteY1" fmla="*/ 32917 h 535361"/>
                    <a:gd name="connsiteX2" fmla="*/ 23441 w 1252166"/>
                    <a:gd name="connsiteY2" fmla="*/ 342480 h 535361"/>
                    <a:gd name="connsiteX3" fmla="*/ 80590 w 1252166"/>
                    <a:gd name="connsiteY3" fmla="*/ 440110 h 535361"/>
                    <a:gd name="connsiteX4" fmla="*/ 111547 w 1252166"/>
                    <a:gd name="connsiteY4" fmla="*/ 535361 h 535361"/>
                    <a:gd name="connsiteX5" fmla="*/ 1154534 w 1252166"/>
                    <a:gd name="connsiteY5" fmla="*/ 535361 h 535361"/>
                    <a:gd name="connsiteX6" fmla="*/ 1202159 w 1252166"/>
                    <a:gd name="connsiteY6" fmla="*/ 442492 h 535361"/>
                    <a:gd name="connsiteX7" fmla="*/ 1252166 w 1252166"/>
                    <a:gd name="connsiteY7" fmla="*/ 332955 h 535361"/>
                    <a:gd name="connsiteX8" fmla="*/ 692572 w 1252166"/>
                    <a:gd name="connsiteY8" fmla="*/ 30536 h 535361"/>
                    <a:gd name="connsiteX0" fmla="*/ 692572 w 1252166"/>
                    <a:gd name="connsiteY0" fmla="*/ 14162 h 518987"/>
                    <a:gd name="connsiteX1" fmla="*/ 561603 w 1252166"/>
                    <a:gd name="connsiteY1" fmla="*/ 16543 h 518987"/>
                    <a:gd name="connsiteX2" fmla="*/ 23441 w 1252166"/>
                    <a:gd name="connsiteY2" fmla="*/ 326106 h 518987"/>
                    <a:gd name="connsiteX3" fmla="*/ 80590 w 1252166"/>
                    <a:gd name="connsiteY3" fmla="*/ 423736 h 518987"/>
                    <a:gd name="connsiteX4" fmla="*/ 111547 w 1252166"/>
                    <a:gd name="connsiteY4" fmla="*/ 518987 h 518987"/>
                    <a:gd name="connsiteX5" fmla="*/ 1154534 w 1252166"/>
                    <a:gd name="connsiteY5" fmla="*/ 518987 h 518987"/>
                    <a:gd name="connsiteX6" fmla="*/ 1202159 w 1252166"/>
                    <a:gd name="connsiteY6" fmla="*/ 426118 h 518987"/>
                    <a:gd name="connsiteX7" fmla="*/ 1252166 w 1252166"/>
                    <a:gd name="connsiteY7" fmla="*/ 316581 h 518987"/>
                    <a:gd name="connsiteX8" fmla="*/ 692572 w 1252166"/>
                    <a:gd name="connsiteY8" fmla="*/ 14162 h 518987"/>
                    <a:gd name="connsiteX0" fmla="*/ 692572 w 1252166"/>
                    <a:gd name="connsiteY0" fmla="*/ 23244 h 528069"/>
                    <a:gd name="connsiteX1" fmla="*/ 561603 w 1252166"/>
                    <a:gd name="connsiteY1" fmla="*/ 25625 h 528069"/>
                    <a:gd name="connsiteX2" fmla="*/ 23441 w 1252166"/>
                    <a:gd name="connsiteY2" fmla="*/ 335188 h 528069"/>
                    <a:gd name="connsiteX3" fmla="*/ 80590 w 1252166"/>
                    <a:gd name="connsiteY3" fmla="*/ 432818 h 528069"/>
                    <a:gd name="connsiteX4" fmla="*/ 111547 w 1252166"/>
                    <a:gd name="connsiteY4" fmla="*/ 528069 h 528069"/>
                    <a:gd name="connsiteX5" fmla="*/ 1154534 w 1252166"/>
                    <a:gd name="connsiteY5" fmla="*/ 528069 h 528069"/>
                    <a:gd name="connsiteX6" fmla="*/ 1202159 w 1252166"/>
                    <a:gd name="connsiteY6" fmla="*/ 435200 h 528069"/>
                    <a:gd name="connsiteX7" fmla="*/ 1252166 w 1252166"/>
                    <a:gd name="connsiteY7" fmla="*/ 325663 h 528069"/>
                    <a:gd name="connsiteX8" fmla="*/ 692572 w 1252166"/>
                    <a:gd name="connsiteY8" fmla="*/ 23244 h 528069"/>
                    <a:gd name="connsiteX0" fmla="*/ 692572 w 1252166"/>
                    <a:gd name="connsiteY0" fmla="*/ 29173 h 533998"/>
                    <a:gd name="connsiteX1" fmla="*/ 561603 w 1252166"/>
                    <a:gd name="connsiteY1" fmla="*/ 31554 h 533998"/>
                    <a:gd name="connsiteX2" fmla="*/ 23441 w 1252166"/>
                    <a:gd name="connsiteY2" fmla="*/ 341117 h 533998"/>
                    <a:gd name="connsiteX3" fmla="*/ 80590 w 1252166"/>
                    <a:gd name="connsiteY3" fmla="*/ 438747 h 533998"/>
                    <a:gd name="connsiteX4" fmla="*/ 111547 w 1252166"/>
                    <a:gd name="connsiteY4" fmla="*/ 533998 h 533998"/>
                    <a:gd name="connsiteX5" fmla="*/ 1154534 w 1252166"/>
                    <a:gd name="connsiteY5" fmla="*/ 533998 h 533998"/>
                    <a:gd name="connsiteX6" fmla="*/ 1202159 w 1252166"/>
                    <a:gd name="connsiteY6" fmla="*/ 441129 h 533998"/>
                    <a:gd name="connsiteX7" fmla="*/ 1252166 w 1252166"/>
                    <a:gd name="connsiteY7" fmla="*/ 331592 h 533998"/>
                    <a:gd name="connsiteX8" fmla="*/ 692572 w 1252166"/>
                    <a:gd name="connsiteY8" fmla="*/ 29173 h 533998"/>
                    <a:gd name="connsiteX0" fmla="*/ 692572 w 1273836"/>
                    <a:gd name="connsiteY0" fmla="*/ 29173 h 533998"/>
                    <a:gd name="connsiteX1" fmla="*/ 561603 w 1273836"/>
                    <a:gd name="connsiteY1" fmla="*/ 31554 h 533998"/>
                    <a:gd name="connsiteX2" fmla="*/ 23441 w 1273836"/>
                    <a:gd name="connsiteY2" fmla="*/ 341117 h 533998"/>
                    <a:gd name="connsiteX3" fmla="*/ 80590 w 1273836"/>
                    <a:gd name="connsiteY3" fmla="*/ 438747 h 533998"/>
                    <a:gd name="connsiteX4" fmla="*/ 111547 w 1273836"/>
                    <a:gd name="connsiteY4" fmla="*/ 533998 h 533998"/>
                    <a:gd name="connsiteX5" fmla="*/ 1154534 w 1273836"/>
                    <a:gd name="connsiteY5" fmla="*/ 533998 h 533998"/>
                    <a:gd name="connsiteX6" fmla="*/ 1202159 w 1273836"/>
                    <a:gd name="connsiteY6" fmla="*/ 441129 h 533998"/>
                    <a:gd name="connsiteX7" fmla="*/ 1252166 w 1273836"/>
                    <a:gd name="connsiteY7" fmla="*/ 331592 h 533998"/>
                    <a:gd name="connsiteX8" fmla="*/ 692572 w 1273836"/>
                    <a:gd name="connsiteY8" fmla="*/ 29173 h 533998"/>
                    <a:gd name="connsiteX0" fmla="*/ 692572 w 1279168"/>
                    <a:gd name="connsiteY0" fmla="*/ 29173 h 533998"/>
                    <a:gd name="connsiteX1" fmla="*/ 561603 w 1279168"/>
                    <a:gd name="connsiteY1" fmla="*/ 31554 h 533998"/>
                    <a:gd name="connsiteX2" fmla="*/ 23441 w 1279168"/>
                    <a:gd name="connsiteY2" fmla="*/ 341117 h 533998"/>
                    <a:gd name="connsiteX3" fmla="*/ 80590 w 1279168"/>
                    <a:gd name="connsiteY3" fmla="*/ 438747 h 533998"/>
                    <a:gd name="connsiteX4" fmla="*/ 111547 w 1279168"/>
                    <a:gd name="connsiteY4" fmla="*/ 533998 h 533998"/>
                    <a:gd name="connsiteX5" fmla="*/ 1154534 w 1279168"/>
                    <a:gd name="connsiteY5" fmla="*/ 533998 h 533998"/>
                    <a:gd name="connsiteX6" fmla="*/ 1202159 w 1279168"/>
                    <a:gd name="connsiteY6" fmla="*/ 441129 h 533998"/>
                    <a:gd name="connsiteX7" fmla="*/ 1252166 w 1279168"/>
                    <a:gd name="connsiteY7" fmla="*/ 331592 h 533998"/>
                    <a:gd name="connsiteX8" fmla="*/ 692572 w 1279168"/>
                    <a:gd name="connsiteY8" fmla="*/ 29173 h 533998"/>
                    <a:gd name="connsiteX0" fmla="*/ 692572 w 1277069"/>
                    <a:gd name="connsiteY0" fmla="*/ 29173 h 533998"/>
                    <a:gd name="connsiteX1" fmla="*/ 561603 w 1277069"/>
                    <a:gd name="connsiteY1" fmla="*/ 31554 h 533998"/>
                    <a:gd name="connsiteX2" fmla="*/ 23441 w 1277069"/>
                    <a:gd name="connsiteY2" fmla="*/ 341117 h 533998"/>
                    <a:gd name="connsiteX3" fmla="*/ 80590 w 1277069"/>
                    <a:gd name="connsiteY3" fmla="*/ 438747 h 533998"/>
                    <a:gd name="connsiteX4" fmla="*/ 111547 w 1277069"/>
                    <a:gd name="connsiteY4" fmla="*/ 533998 h 533998"/>
                    <a:gd name="connsiteX5" fmla="*/ 1154534 w 1277069"/>
                    <a:gd name="connsiteY5" fmla="*/ 533998 h 533998"/>
                    <a:gd name="connsiteX6" fmla="*/ 1202159 w 1277069"/>
                    <a:gd name="connsiteY6" fmla="*/ 441129 h 533998"/>
                    <a:gd name="connsiteX7" fmla="*/ 1252166 w 1277069"/>
                    <a:gd name="connsiteY7" fmla="*/ 331592 h 533998"/>
                    <a:gd name="connsiteX8" fmla="*/ 692572 w 1277069"/>
                    <a:gd name="connsiteY8" fmla="*/ 29173 h 533998"/>
                    <a:gd name="connsiteX0" fmla="*/ 692572 w 1277069"/>
                    <a:gd name="connsiteY0" fmla="*/ 29173 h 533998"/>
                    <a:gd name="connsiteX1" fmla="*/ 561603 w 1277069"/>
                    <a:gd name="connsiteY1" fmla="*/ 31554 h 533998"/>
                    <a:gd name="connsiteX2" fmla="*/ 23441 w 1277069"/>
                    <a:gd name="connsiteY2" fmla="*/ 341117 h 533998"/>
                    <a:gd name="connsiteX3" fmla="*/ 80590 w 1277069"/>
                    <a:gd name="connsiteY3" fmla="*/ 438747 h 533998"/>
                    <a:gd name="connsiteX4" fmla="*/ 111547 w 1277069"/>
                    <a:gd name="connsiteY4" fmla="*/ 533998 h 533998"/>
                    <a:gd name="connsiteX5" fmla="*/ 1154534 w 1277069"/>
                    <a:gd name="connsiteY5" fmla="*/ 533998 h 533998"/>
                    <a:gd name="connsiteX6" fmla="*/ 1202159 w 1277069"/>
                    <a:gd name="connsiteY6" fmla="*/ 441129 h 533998"/>
                    <a:gd name="connsiteX7" fmla="*/ 1252166 w 1277069"/>
                    <a:gd name="connsiteY7" fmla="*/ 331592 h 533998"/>
                    <a:gd name="connsiteX8" fmla="*/ 692572 w 1277069"/>
                    <a:gd name="connsiteY8" fmla="*/ 29173 h 533998"/>
                    <a:gd name="connsiteX0" fmla="*/ 692572 w 1277069"/>
                    <a:gd name="connsiteY0" fmla="*/ 29173 h 533998"/>
                    <a:gd name="connsiteX1" fmla="*/ 561603 w 1277069"/>
                    <a:gd name="connsiteY1" fmla="*/ 31554 h 533998"/>
                    <a:gd name="connsiteX2" fmla="*/ 23441 w 1277069"/>
                    <a:gd name="connsiteY2" fmla="*/ 341117 h 533998"/>
                    <a:gd name="connsiteX3" fmla="*/ 80590 w 1277069"/>
                    <a:gd name="connsiteY3" fmla="*/ 438747 h 533998"/>
                    <a:gd name="connsiteX4" fmla="*/ 111547 w 1277069"/>
                    <a:gd name="connsiteY4" fmla="*/ 533998 h 533998"/>
                    <a:gd name="connsiteX5" fmla="*/ 1154534 w 1277069"/>
                    <a:gd name="connsiteY5" fmla="*/ 533998 h 533998"/>
                    <a:gd name="connsiteX6" fmla="*/ 1202159 w 1277069"/>
                    <a:gd name="connsiteY6" fmla="*/ 441129 h 533998"/>
                    <a:gd name="connsiteX7" fmla="*/ 1252166 w 1277069"/>
                    <a:gd name="connsiteY7" fmla="*/ 331592 h 533998"/>
                    <a:gd name="connsiteX8" fmla="*/ 692572 w 1277069"/>
                    <a:gd name="connsiteY8" fmla="*/ 29173 h 533998"/>
                    <a:gd name="connsiteX0" fmla="*/ 692572 w 1269744"/>
                    <a:gd name="connsiteY0" fmla="*/ 29173 h 533998"/>
                    <a:gd name="connsiteX1" fmla="*/ 561603 w 1269744"/>
                    <a:gd name="connsiteY1" fmla="*/ 31554 h 533998"/>
                    <a:gd name="connsiteX2" fmla="*/ 23441 w 1269744"/>
                    <a:gd name="connsiteY2" fmla="*/ 341117 h 533998"/>
                    <a:gd name="connsiteX3" fmla="*/ 80590 w 1269744"/>
                    <a:gd name="connsiteY3" fmla="*/ 438747 h 533998"/>
                    <a:gd name="connsiteX4" fmla="*/ 111547 w 1269744"/>
                    <a:gd name="connsiteY4" fmla="*/ 533998 h 533998"/>
                    <a:gd name="connsiteX5" fmla="*/ 1154534 w 1269744"/>
                    <a:gd name="connsiteY5" fmla="*/ 533998 h 533998"/>
                    <a:gd name="connsiteX6" fmla="*/ 1202159 w 1269744"/>
                    <a:gd name="connsiteY6" fmla="*/ 441129 h 533998"/>
                    <a:gd name="connsiteX7" fmla="*/ 1252166 w 1269744"/>
                    <a:gd name="connsiteY7" fmla="*/ 331592 h 533998"/>
                    <a:gd name="connsiteX8" fmla="*/ 692572 w 1269744"/>
                    <a:gd name="connsiteY8" fmla="*/ 29173 h 533998"/>
                    <a:gd name="connsiteX0" fmla="*/ 692572 w 1271832"/>
                    <a:gd name="connsiteY0" fmla="*/ 29173 h 533998"/>
                    <a:gd name="connsiteX1" fmla="*/ 561603 w 1271832"/>
                    <a:gd name="connsiteY1" fmla="*/ 31554 h 533998"/>
                    <a:gd name="connsiteX2" fmla="*/ 23441 w 1271832"/>
                    <a:gd name="connsiteY2" fmla="*/ 341117 h 533998"/>
                    <a:gd name="connsiteX3" fmla="*/ 80590 w 1271832"/>
                    <a:gd name="connsiteY3" fmla="*/ 438747 h 533998"/>
                    <a:gd name="connsiteX4" fmla="*/ 111547 w 1271832"/>
                    <a:gd name="connsiteY4" fmla="*/ 533998 h 533998"/>
                    <a:gd name="connsiteX5" fmla="*/ 1154534 w 1271832"/>
                    <a:gd name="connsiteY5" fmla="*/ 533998 h 533998"/>
                    <a:gd name="connsiteX6" fmla="*/ 1202159 w 1271832"/>
                    <a:gd name="connsiteY6" fmla="*/ 441129 h 533998"/>
                    <a:gd name="connsiteX7" fmla="*/ 1252166 w 1271832"/>
                    <a:gd name="connsiteY7" fmla="*/ 331592 h 533998"/>
                    <a:gd name="connsiteX8" fmla="*/ 692572 w 1271832"/>
                    <a:gd name="connsiteY8" fmla="*/ 29173 h 533998"/>
                    <a:gd name="connsiteX0" fmla="*/ 692572 w 1269951"/>
                    <a:gd name="connsiteY0" fmla="*/ 29173 h 533998"/>
                    <a:gd name="connsiteX1" fmla="*/ 561603 w 1269951"/>
                    <a:gd name="connsiteY1" fmla="*/ 31554 h 533998"/>
                    <a:gd name="connsiteX2" fmla="*/ 23441 w 1269951"/>
                    <a:gd name="connsiteY2" fmla="*/ 341117 h 533998"/>
                    <a:gd name="connsiteX3" fmla="*/ 80590 w 1269951"/>
                    <a:gd name="connsiteY3" fmla="*/ 438747 h 533998"/>
                    <a:gd name="connsiteX4" fmla="*/ 111547 w 1269951"/>
                    <a:gd name="connsiteY4" fmla="*/ 533998 h 533998"/>
                    <a:gd name="connsiteX5" fmla="*/ 1154534 w 1269951"/>
                    <a:gd name="connsiteY5" fmla="*/ 533998 h 533998"/>
                    <a:gd name="connsiteX6" fmla="*/ 1202159 w 1269951"/>
                    <a:gd name="connsiteY6" fmla="*/ 441129 h 533998"/>
                    <a:gd name="connsiteX7" fmla="*/ 1249785 w 1269951"/>
                    <a:gd name="connsiteY7" fmla="*/ 341117 h 533998"/>
                    <a:gd name="connsiteX8" fmla="*/ 692572 w 1269951"/>
                    <a:gd name="connsiteY8" fmla="*/ 29173 h 533998"/>
                    <a:gd name="connsiteX0" fmla="*/ 692572 w 1269951"/>
                    <a:gd name="connsiteY0" fmla="*/ 24947 h 529772"/>
                    <a:gd name="connsiteX1" fmla="*/ 561603 w 1269951"/>
                    <a:gd name="connsiteY1" fmla="*/ 27328 h 529772"/>
                    <a:gd name="connsiteX2" fmla="*/ 23441 w 1269951"/>
                    <a:gd name="connsiteY2" fmla="*/ 336891 h 529772"/>
                    <a:gd name="connsiteX3" fmla="*/ 80590 w 1269951"/>
                    <a:gd name="connsiteY3" fmla="*/ 434521 h 529772"/>
                    <a:gd name="connsiteX4" fmla="*/ 111547 w 1269951"/>
                    <a:gd name="connsiteY4" fmla="*/ 529772 h 529772"/>
                    <a:gd name="connsiteX5" fmla="*/ 1154534 w 1269951"/>
                    <a:gd name="connsiteY5" fmla="*/ 529772 h 529772"/>
                    <a:gd name="connsiteX6" fmla="*/ 1202159 w 1269951"/>
                    <a:gd name="connsiteY6" fmla="*/ 436903 h 529772"/>
                    <a:gd name="connsiteX7" fmla="*/ 1249785 w 1269951"/>
                    <a:gd name="connsiteY7" fmla="*/ 336891 h 529772"/>
                    <a:gd name="connsiteX8" fmla="*/ 692572 w 1269951"/>
                    <a:gd name="connsiteY8" fmla="*/ 24947 h 529772"/>
                    <a:gd name="connsiteX0" fmla="*/ 692572 w 1269951"/>
                    <a:gd name="connsiteY0" fmla="*/ 20245 h 525070"/>
                    <a:gd name="connsiteX1" fmla="*/ 561603 w 1269951"/>
                    <a:gd name="connsiteY1" fmla="*/ 22626 h 525070"/>
                    <a:gd name="connsiteX2" fmla="*/ 23441 w 1269951"/>
                    <a:gd name="connsiteY2" fmla="*/ 332189 h 525070"/>
                    <a:gd name="connsiteX3" fmla="*/ 80590 w 1269951"/>
                    <a:gd name="connsiteY3" fmla="*/ 429819 h 525070"/>
                    <a:gd name="connsiteX4" fmla="*/ 111547 w 1269951"/>
                    <a:gd name="connsiteY4" fmla="*/ 525070 h 525070"/>
                    <a:gd name="connsiteX5" fmla="*/ 1154534 w 1269951"/>
                    <a:gd name="connsiteY5" fmla="*/ 525070 h 525070"/>
                    <a:gd name="connsiteX6" fmla="*/ 1202159 w 1269951"/>
                    <a:gd name="connsiteY6" fmla="*/ 432201 h 525070"/>
                    <a:gd name="connsiteX7" fmla="*/ 1249785 w 1269951"/>
                    <a:gd name="connsiteY7" fmla="*/ 332189 h 525070"/>
                    <a:gd name="connsiteX8" fmla="*/ 692572 w 1269951"/>
                    <a:gd name="connsiteY8" fmla="*/ 20245 h 525070"/>
                    <a:gd name="connsiteX0" fmla="*/ 692572 w 1269951"/>
                    <a:gd name="connsiteY0" fmla="*/ 26900 h 531725"/>
                    <a:gd name="connsiteX1" fmla="*/ 561603 w 1269951"/>
                    <a:gd name="connsiteY1" fmla="*/ 29281 h 531725"/>
                    <a:gd name="connsiteX2" fmla="*/ 23441 w 1269951"/>
                    <a:gd name="connsiteY2" fmla="*/ 338844 h 531725"/>
                    <a:gd name="connsiteX3" fmla="*/ 80590 w 1269951"/>
                    <a:gd name="connsiteY3" fmla="*/ 436474 h 531725"/>
                    <a:gd name="connsiteX4" fmla="*/ 111547 w 1269951"/>
                    <a:gd name="connsiteY4" fmla="*/ 531725 h 531725"/>
                    <a:gd name="connsiteX5" fmla="*/ 1154534 w 1269951"/>
                    <a:gd name="connsiteY5" fmla="*/ 531725 h 531725"/>
                    <a:gd name="connsiteX6" fmla="*/ 1202159 w 1269951"/>
                    <a:gd name="connsiteY6" fmla="*/ 438856 h 531725"/>
                    <a:gd name="connsiteX7" fmla="*/ 1249785 w 1269951"/>
                    <a:gd name="connsiteY7" fmla="*/ 338844 h 531725"/>
                    <a:gd name="connsiteX8" fmla="*/ 692572 w 1269951"/>
                    <a:gd name="connsiteY8" fmla="*/ 26900 h 531725"/>
                    <a:gd name="connsiteX0" fmla="*/ 692572 w 1269951"/>
                    <a:gd name="connsiteY0" fmla="*/ 29311 h 534136"/>
                    <a:gd name="connsiteX1" fmla="*/ 561603 w 1269951"/>
                    <a:gd name="connsiteY1" fmla="*/ 31692 h 534136"/>
                    <a:gd name="connsiteX2" fmla="*/ 23441 w 1269951"/>
                    <a:gd name="connsiteY2" fmla="*/ 341255 h 534136"/>
                    <a:gd name="connsiteX3" fmla="*/ 80590 w 1269951"/>
                    <a:gd name="connsiteY3" fmla="*/ 438885 h 534136"/>
                    <a:gd name="connsiteX4" fmla="*/ 111547 w 1269951"/>
                    <a:gd name="connsiteY4" fmla="*/ 534136 h 534136"/>
                    <a:gd name="connsiteX5" fmla="*/ 1154534 w 1269951"/>
                    <a:gd name="connsiteY5" fmla="*/ 534136 h 534136"/>
                    <a:gd name="connsiteX6" fmla="*/ 1202159 w 1269951"/>
                    <a:gd name="connsiteY6" fmla="*/ 441267 h 534136"/>
                    <a:gd name="connsiteX7" fmla="*/ 1249785 w 1269951"/>
                    <a:gd name="connsiteY7" fmla="*/ 341255 h 534136"/>
                    <a:gd name="connsiteX8" fmla="*/ 692572 w 1269951"/>
                    <a:gd name="connsiteY8" fmla="*/ 29311 h 5341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69951" h="534136">
                      <a:moveTo>
                        <a:pt x="692572" y="29311"/>
                      </a:moveTo>
                      <a:cubicBezTo>
                        <a:pt x="632248" y="-3232"/>
                        <a:pt x="638597" y="-16727"/>
                        <a:pt x="561603" y="31692"/>
                      </a:cubicBezTo>
                      <a:lnTo>
                        <a:pt x="23441" y="341255"/>
                      </a:lnTo>
                      <a:cubicBezTo>
                        <a:pt x="-44028" y="419836"/>
                        <a:pt x="52809" y="436505"/>
                        <a:pt x="80590" y="438885"/>
                      </a:cubicBezTo>
                      <a:cubicBezTo>
                        <a:pt x="36933" y="479366"/>
                        <a:pt x="69479" y="534136"/>
                        <a:pt x="111547" y="534136"/>
                      </a:cubicBezTo>
                      <a:lnTo>
                        <a:pt x="1154534" y="534136"/>
                      </a:lnTo>
                      <a:cubicBezTo>
                        <a:pt x="1189459" y="526992"/>
                        <a:pt x="1233909" y="510323"/>
                        <a:pt x="1202159" y="441267"/>
                      </a:cubicBezTo>
                      <a:cubicBezTo>
                        <a:pt x="1252165" y="430948"/>
                        <a:pt x="1297409" y="401580"/>
                        <a:pt x="1249785" y="341255"/>
                      </a:cubicBezTo>
                      <a:lnTo>
                        <a:pt x="692572" y="29311"/>
                      </a:lnTo>
                      <a:close/>
                    </a:path>
                  </a:pathLst>
                </a:custGeom>
                <a:noFill/>
                <a:ln w="28575">
                  <a:solidFill>
                    <a:schemeClr val="bg1">
                      <a:lumMod val="65000"/>
                    </a:schemeClr>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3197">
                    <a:solidFill>
                      <a:prstClr val="black">
                        <a:lumMod val="50000"/>
                        <a:lumOff val="50000"/>
                      </a:prstClr>
                    </a:solidFill>
                  </a:endParaRPr>
                </a:p>
              </p:txBody>
            </p:sp>
            <p:sp>
              <p:nvSpPr>
                <p:cNvPr id="30" name="Freeform 29">
                  <a:extLst>
                    <a:ext uri="{FF2B5EF4-FFF2-40B4-BE49-F238E27FC236}">
                      <a16:creationId xmlns:a16="http://schemas.microsoft.com/office/drawing/2014/main" id="{4267AB69-387C-DF40-9F66-4C4796743821}"/>
                    </a:ext>
                  </a:extLst>
                </p:cNvPr>
                <p:cNvSpPr/>
                <p:nvPr/>
              </p:nvSpPr>
              <p:spPr>
                <a:xfrm flipV="1">
                  <a:off x="1715938" y="2261556"/>
                  <a:ext cx="887530" cy="138287"/>
                </a:xfrm>
                <a:custGeom>
                  <a:avLst/>
                  <a:gdLst>
                    <a:gd name="connsiteX0" fmla="*/ 669131 w 1228725"/>
                    <a:gd name="connsiteY0" fmla="*/ 0 h 504825"/>
                    <a:gd name="connsiteX1" fmla="*/ 538162 w 1228725"/>
                    <a:gd name="connsiteY1" fmla="*/ 2381 h 504825"/>
                    <a:gd name="connsiteX2" fmla="*/ 0 w 1228725"/>
                    <a:gd name="connsiteY2" fmla="*/ 311944 h 504825"/>
                    <a:gd name="connsiteX3" fmla="*/ 33337 w 1228725"/>
                    <a:gd name="connsiteY3" fmla="*/ 411956 h 504825"/>
                    <a:gd name="connsiteX4" fmla="*/ 88106 w 1228725"/>
                    <a:gd name="connsiteY4" fmla="*/ 504825 h 504825"/>
                    <a:gd name="connsiteX5" fmla="*/ 1131093 w 1228725"/>
                    <a:gd name="connsiteY5" fmla="*/ 504825 h 504825"/>
                    <a:gd name="connsiteX6" fmla="*/ 1178718 w 1228725"/>
                    <a:gd name="connsiteY6" fmla="*/ 411956 h 504825"/>
                    <a:gd name="connsiteX7" fmla="*/ 1228725 w 1228725"/>
                    <a:gd name="connsiteY7" fmla="*/ 302419 h 504825"/>
                    <a:gd name="connsiteX8" fmla="*/ 669131 w 1228725"/>
                    <a:gd name="connsiteY8" fmla="*/ 0 h 504825"/>
                    <a:gd name="connsiteX0" fmla="*/ 690978 w 1250572"/>
                    <a:gd name="connsiteY0" fmla="*/ 0 h 504825"/>
                    <a:gd name="connsiteX1" fmla="*/ 560009 w 1250572"/>
                    <a:gd name="connsiteY1" fmla="*/ 2381 h 504825"/>
                    <a:gd name="connsiteX2" fmla="*/ 21847 w 1250572"/>
                    <a:gd name="connsiteY2" fmla="*/ 311944 h 504825"/>
                    <a:gd name="connsiteX3" fmla="*/ 55184 w 1250572"/>
                    <a:gd name="connsiteY3" fmla="*/ 411956 h 504825"/>
                    <a:gd name="connsiteX4" fmla="*/ 109953 w 1250572"/>
                    <a:gd name="connsiteY4" fmla="*/ 504825 h 504825"/>
                    <a:gd name="connsiteX5" fmla="*/ 1152940 w 1250572"/>
                    <a:gd name="connsiteY5" fmla="*/ 504825 h 504825"/>
                    <a:gd name="connsiteX6" fmla="*/ 1200565 w 1250572"/>
                    <a:gd name="connsiteY6" fmla="*/ 411956 h 504825"/>
                    <a:gd name="connsiteX7" fmla="*/ 1250572 w 1250572"/>
                    <a:gd name="connsiteY7" fmla="*/ 302419 h 504825"/>
                    <a:gd name="connsiteX8" fmla="*/ 690978 w 1250572"/>
                    <a:gd name="connsiteY8" fmla="*/ 0 h 504825"/>
                    <a:gd name="connsiteX0" fmla="*/ 690978 w 1250572"/>
                    <a:gd name="connsiteY0" fmla="*/ 0 h 504825"/>
                    <a:gd name="connsiteX1" fmla="*/ 560009 w 1250572"/>
                    <a:gd name="connsiteY1" fmla="*/ 2381 h 504825"/>
                    <a:gd name="connsiteX2" fmla="*/ 21847 w 1250572"/>
                    <a:gd name="connsiteY2" fmla="*/ 311944 h 504825"/>
                    <a:gd name="connsiteX3" fmla="*/ 55184 w 1250572"/>
                    <a:gd name="connsiteY3" fmla="*/ 411956 h 504825"/>
                    <a:gd name="connsiteX4" fmla="*/ 109953 w 1250572"/>
                    <a:gd name="connsiteY4" fmla="*/ 504825 h 504825"/>
                    <a:gd name="connsiteX5" fmla="*/ 1152940 w 1250572"/>
                    <a:gd name="connsiteY5" fmla="*/ 504825 h 504825"/>
                    <a:gd name="connsiteX6" fmla="*/ 1200565 w 1250572"/>
                    <a:gd name="connsiteY6" fmla="*/ 411956 h 504825"/>
                    <a:gd name="connsiteX7" fmla="*/ 1250572 w 1250572"/>
                    <a:gd name="connsiteY7" fmla="*/ 302419 h 504825"/>
                    <a:gd name="connsiteX8" fmla="*/ 690978 w 1250572"/>
                    <a:gd name="connsiteY8" fmla="*/ 0 h 504825"/>
                    <a:gd name="connsiteX0" fmla="*/ 687533 w 1247127"/>
                    <a:gd name="connsiteY0" fmla="*/ 0 h 504825"/>
                    <a:gd name="connsiteX1" fmla="*/ 556564 w 1247127"/>
                    <a:gd name="connsiteY1" fmla="*/ 2381 h 504825"/>
                    <a:gd name="connsiteX2" fmla="*/ 18402 w 1247127"/>
                    <a:gd name="connsiteY2" fmla="*/ 311944 h 504825"/>
                    <a:gd name="connsiteX3" fmla="*/ 75551 w 1247127"/>
                    <a:gd name="connsiteY3" fmla="*/ 409574 h 504825"/>
                    <a:gd name="connsiteX4" fmla="*/ 106508 w 1247127"/>
                    <a:gd name="connsiteY4" fmla="*/ 504825 h 504825"/>
                    <a:gd name="connsiteX5" fmla="*/ 1149495 w 1247127"/>
                    <a:gd name="connsiteY5" fmla="*/ 504825 h 504825"/>
                    <a:gd name="connsiteX6" fmla="*/ 1197120 w 1247127"/>
                    <a:gd name="connsiteY6" fmla="*/ 411956 h 504825"/>
                    <a:gd name="connsiteX7" fmla="*/ 1247127 w 1247127"/>
                    <a:gd name="connsiteY7" fmla="*/ 302419 h 504825"/>
                    <a:gd name="connsiteX8" fmla="*/ 687533 w 1247127"/>
                    <a:gd name="connsiteY8" fmla="*/ 0 h 504825"/>
                    <a:gd name="connsiteX0" fmla="*/ 687533 w 1247127"/>
                    <a:gd name="connsiteY0" fmla="*/ 0 h 504825"/>
                    <a:gd name="connsiteX1" fmla="*/ 556564 w 1247127"/>
                    <a:gd name="connsiteY1" fmla="*/ 2381 h 504825"/>
                    <a:gd name="connsiteX2" fmla="*/ 18402 w 1247127"/>
                    <a:gd name="connsiteY2" fmla="*/ 311944 h 504825"/>
                    <a:gd name="connsiteX3" fmla="*/ 75551 w 1247127"/>
                    <a:gd name="connsiteY3" fmla="*/ 409574 h 504825"/>
                    <a:gd name="connsiteX4" fmla="*/ 106508 w 1247127"/>
                    <a:gd name="connsiteY4" fmla="*/ 504825 h 504825"/>
                    <a:gd name="connsiteX5" fmla="*/ 1149495 w 1247127"/>
                    <a:gd name="connsiteY5" fmla="*/ 504825 h 504825"/>
                    <a:gd name="connsiteX6" fmla="*/ 1197120 w 1247127"/>
                    <a:gd name="connsiteY6" fmla="*/ 411956 h 504825"/>
                    <a:gd name="connsiteX7" fmla="*/ 1247127 w 1247127"/>
                    <a:gd name="connsiteY7" fmla="*/ 302419 h 504825"/>
                    <a:gd name="connsiteX8" fmla="*/ 687533 w 1247127"/>
                    <a:gd name="connsiteY8" fmla="*/ 0 h 504825"/>
                    <a:gd name="connsiteX0" fmla="*/ 687533 w 1247127"/>
                    <a:gd name="connsiteY0" fmla="*/ 0 h 504825"/>
                    <a:gd name="connsiteX1" fmla="*/ 556564 w 1247127"/>
                    <a:gd name="connsiteY1" fmla="*/ 2381 h 504825"/>
                    <a:gd name="connsiteX2" fmla="*/ 18402 w 1247127"/>
                    <a:gd name="connsiteY2" fmla="*/ 311944 h 504825"/>
                    <a:gd name="connsiteX3" fmla="*/ 75551 w 1247127"/>
                    <a:gd name="connsiteY3" fmla="*/ 409574 h 504825"/>
                    <a:gd name="connsiteX4" fmla="*/ 106508 w 1247127"/>
                    <a:gd name="connsiteY4" fmla="*/ 504825 h 504825"/>
                    <a:gd name="connsiteX5" fmla="*/ 1149495 w 1247127"/>
                    <a:gd name="connsiteY5" fmla="*/ 504825 h 504825"/>
                    <a:gd name="connsiteX6" fmla="*/ 1197120 w 1247127"/>
                    <a:gd name="connsiteY6" fmla="*/ 411956 h 504825"/>
                    <a:gd name="connsiteX7" fmla="*/ 1247127 w 1247127"/>
                    <a:gd name="connsiteY7" fmla="*/ 302419 h 504825"/>
                    <a:gd name="connsiteX8" fmla="*/ 687533 w 1247127"/>
                    <a:gd name="connsiteY8" fmla="*/ 0 h 504825"/>
                    <a:gd name="connsiteX0" fmla="*/ 695307 w 1254901"/>
                    <a:gd name="connsiteY0" fmla="*/ 0 h 504825"/>
                    <a:gd name="connsiteX1" fmla="*/ 564338 w 1254901"/>
                    <a:gd name="connsiteY1" fmla="*/ 2381 h 504825"/>
                    <a:gd name="connsiteX2" fmla="*/ 26176 w 1254901"/>
                    <a:gd name="connsiteY2" fmla="*/ 311944 h 504825"/>
                    <a:gd name="connsiteX3" fmla="*/ 83325 w 1254901"/>
                    <a:gd name="connsiteY3" fmla="*/ 409574 h 504825"/>
                    <a:gd name="connsiteX4" fmla="*/ 114282 w 1254901"/>
                    <a:gd name="connsiteY4" fmla="*/ 504825 h 504825"/>
                    <a:gd name="connsiteX5" fmla="*/ 1157269 w 1254901"/>
                    <a:gd name="connsiteY5" fmla="*/ 504825 h 504825"/>
                    <a:gd name="connsiteX6" fmla="*/ 1204894 w 1254901"/>
                    <a:gd name="connsiteY6" fmla="*/ 411956 h 504825"/>
                    <a:gd name="connsiteX7" fmla="*/ 1254901 w 1254901"/>
                    <a:gd name="connsiteY7" fmla="*/ 302419 h 504825"/>
                    <a:gd name="connsiteX8" fmla="*/ 695307 w 1254901"/>
                    <a:gd name="connsiteY8" fmla="*/ 0 h 504825"/>
                    <a:gd name="connsiteX0" fmla="*/ 697623 w 1257217"/>
                    <a:gd name="connsiteY0" fmla="*/ 0 h 504825"/>
                    <a:gd name="connsiteX1" fmla="*/ 566654 w 1257217"/>
                    <a:gd name="connsiteY1" fmla="*/ 2381 h 504825"/>
                    <a:gd name="connsiteX2" fmla="*/ 28492 w 1257217"/>
                    <a:gd name="connsiteY2" fmla="*/ 311944 h 504825"/>
                    <a:gd name="connsiteX3" fmla="*/ 85641 w 1257217"/>
                    <a:gd name="connsiteY3" fmla="*/ 409574 h 504825"/>
                    <a:gd name="connsiteX4" fmla="*/ 116598 w 1257217"/>
                    <a:gd name="connsiteY4" fmla="*/ 504825 h 504825"/>
                    <a:gd name="connsiteX5" fmla="*/ 1159585 w 1257217"/>
                    <a:gd name="connsiteY5" fmla="*/ 504825 h 504825"/>
                    <a:gd name="connsiteX6" fmla="*/ 1207210 w 1257217"/>
                    <a:gd name="connsiteY6" fmla="*/ 411956 h 504825"/>
                    <a:gd name="connsiteX7" fmla="*/ 1257217 w 1257217"/>
                    <a:gd name="connsiteY7" fmla="*/ 302419 h 504825"/>
                    <a:gd name="connsiteX8" fmla="*/ 697623 w 1257217"/>
                    <a:gd name="connsiteY8" fmla="*/ 0 h 504825"/>
                    <a:gd name="connsiteX0" fmla="*/ 696609 w 1256203"/>
                    <a:gd name="connsiteY0" fmla="*/ 0 h 504825"/>
                    <a:gd name="connsiteX1" fmla="*/ 565640 w 1256203"/>
                    <a:gd name="connsiteY1" fmla="*/ 2381 h 504825"/>
                    <a:gd name="connsiteX2" fmla="*/ 27478 w 1256203"/>
                    <a:gd name="connsiteY2" fmla="*/ 311944 h 504825"/>
                    <a:gd name="connsiteX3" fmla="*/ 84627 w 1256203"/>
                    <a:gd name="connsiteY3" fmla="*/ 409574 h 504825"/>
                    <a:gd name="connsiteX4" fmla="*/ 115584 w 1256203"/>
                    <a:gd name="connsiteY4" fmla="*/ 504825 h 504825"/>
                    <a:gd name="connsiteX5" fmla="*/ 1158571 w 1256203"/>
                    <a:gd name="connsiteY5" fmla="*/ 504825 h 504825"/>
                    <a:gd name="connsiteX6" fmla="*/ 1206196 w 1256203"/>
                    <a:gd name="connsiteY6" fmla="*/ 411956 h 504825"/>
                    <a:gd name="connsiteX7" fmla="*/ 1256203 w 1256203"/>
                    <a:gd name="connsiteY7" fmla="*/ 302419 h 504825"/>
                    <a:gd name="connsiteX8" fmla="*/ 696609 w 1256203"/>
                    <a:gd name="connsiteY8" fmla="*/ 0 h 504825"/>
                    <a:gd name="connsiteX0" fmla="*/ 692572 w 1252166"/>
                    <a:gd name="connsiteY0" fmla="*/ 0 h 504825"/>
                    <a:gd name="connsiteX1" fmla="*/ 561603 w 1252166"/>
                    <a:gd name="connsiteY1" fmla="*/ 2381 h 504825"/>
                    <a:gd name="connsiteX2" fmla="*/ 23441 w 1252166"/>
                    <a:gd name="connsiteY2" fmla="*/ 311944 h 504825"/>
                    <a:gd name="connsiteX3" fmla="*/ 80590 w 1252166"/>
                    <a:gd name="connsiteY3" fmla="*/ 409574 h 504825"/>
                    <a:gd name="connsiteX4" fmla="*/ 111547 w 1252166"/>
                    <a:gd name="connsiteY4" fmla="*/ 504825 h 504825"/>
                    <a:gd name="connsiteX5" fmla="*/ 1154534 w 1252166"/>
                    <a:gd name="connsiteY5" fmla="*/ 504825 h 504825"/>
                    <a:gd name="connsiteX6" fmla="*/ 1202159 w 1252166"/>
                    <a:gd name="connsiteY6" fmla="*/ 411956 h 504825"/>
                    <a:gd name="connsiteX7" fmla="*/ 1252166 w 1252166"/>
                    <a:gd name="connsiteY7" fmla="*/ 302419 h 504825"/>
                    <a:gd name="connsiteX8" fmla="*/ 692572 w 1252166"/>
                    <a:gd name="connsiteY8" fmla="*/ 0 h 504825"/>
                    <a:gd name="connsiteX0" fmla="*/ 692572 w 1252166"/>
                    <a:gd name="connsiteY0" fmla="*/ 0 h 504825"/>
                    <a:gd name="connsiteX1" fmla="*/ 561603 w 1252166"/>
                    <a:gd name="connsiteY1" fmla="*/ 2381 h 504825"/>
                    <a:gd name="connsiteX2" fmla="*/ 23441 w 1252166"/>
                    <a:gd name="connsiteY2" fmla="*/ 311944 h 504825"/>
                    <a:gd name="connsiteX3" fmla="*/ 80590 w 1252166"/>
                    <a:gd name="connsiteY3" fmla="*/ 409574 h 504825"/>
                    <a:gd name="connsiteX4" fmla="*/ 111547 w 1252166"/>
                    <a:gd name="connsiteY4" fmla="*/ 504825 h 504825"/>
                    <a:gd name="connsiteX5" fmla="*/ 1154534 w 1252166"/>
                    <a:gd name="connsiteY5" fmla="*/ 504825 h 504825"/>
                    <a:gd name="connsiteX6" fmla="*/ 1202159 w 1252166"/>
                    <a:gd name="connsiteY6" fmla="*/ 411956 h 504825"/>
                    <a:gd name="connsiteX7" fmla="*/ 1252166 w 1252166"/>
                    <a:gd name="connsiteY7" fmla="*/ 302419 h 504825"/>
                    <a:gd name="connsiteX8" fmla="*/ 692572 w 1252166"/>
                    <a:gd name="connsiteY8" fmla="*/ 0 h 504825"/>
                    <a:gd name="connsiteX0" fmla="*/ 692572 w 1252166"/>
                    <a:gd name="connsiteY0" fmla="*/ 26995 h 531820"/>
                    <a:gd name="connsiteX1" fmla="*/ 561603 w 1252166"/>
                    <a:gd name="connsiteY1" fmla="*/ 29376 h 531820"/>
                    <a:gd name="connsiteX2" fmla="*/ 23441 w 1252166"/>
                    <a:gd name="connsiteY2" fmla="*/ 338939 h 531820"/>
                    <a:gd name="connsiteX3" fmla="*/ 80590 w 1252166"/>
                    <a:gd name="connsiteY3" fmla="*/ 436569 h 531820"/>
                    <a:gd name="connsiteX4" fmla="*/ 111547 w 1252166"/>
                    <a:gd name="connsiteY4" fmla="*/ 531820 h 531820"/>
                    <a:gd name="connsiteX5" fmla="*/ 1154534 w 1252166"/>
                    <a:gd name="connsiteY5" fmla="*/ 531820 h 531820"/>
                    <a:gd name="connsiteX6" fmla="*/ 1202159 w 1252166"/>
                    <a:gd name="connsiteY6" fmla="*/ 438951 h 531820"/>
                    <a:gd name="connsiteX7" fmla="*/ 1252166 w 1252166"/>
                    <a:gd name="connsiteY7" fmla="*/ 329414 h 531820"/>
                    <a:gd name="connsiteX8" fmla="*/ 692572 w 1252166"/>
                    <a:gd name="connsiteY8" fmla="*/ 26995 h 531820"/>
                    <a:gd name="connsiteX0" fmla="*/ 692572 w 1252166"/>
                    <a:gd name="connsiteY0" fmla="*/ 33210 h 538035"/>
                    <a:gd name="connsiteX1" fmla="*/ 561603 w 1252166"/>
                    <a:gd name="connsiteY1" fmla="*/ 35591 h 538035"/>
                    <a:gd name="connsiteX2" fmla="*/ 23441 w 1252166"/>
                    <a:gd name="connsiteY2" fmla="*/ 345154 h 538035"/>
                    <a:gd name="connsiteX3" fmla="*/ 80590 w 1252166"/>
                    <a:gd name="connsiteY3" fmla="*/ 442784 h 538035"/>
                    <a:gd name="connsiteX4" fmla="*/ 111547 w 1252166"/>
                    <a:gd name="connsiteY4" fmla="*/ 538035 h 538035"/>
                    <a:gd name="connsiteX5" fmla="*/ 1154534 w 1252166"/>
                    <a:gd name="connsiteY5" fmla="*/ 538035 h 538035"/>
                    <a:gd name="connsiteX6" fmla="*/ 1202159 w 1252166"/>
                    <a:gd name="connsiteY6" fmla="*/ 445166 h 538035"/>
                    <a:gd name="connsiteX7" fmla="*/ 1252166 w 1252166"/>
                    <a:gd name="connsiteY7" fmla="*/ 335629 h 538035"/>
                    <a:gd name="connsiteX8" fmla="*/ 692572 w 1252166"/>
                    <a:gd name="connsiteY8" fmla="*/ 33210 h 538035"/>
                    <a:gd name="connsiteX0" fmla="*/ 692572 w 1252166"/>
                    <a:gd name="connsiteY0" fmla="*/ 30536 h 535361"/>
                    <a:gd name="connsiteX1" fmla="*/ 561603 w 1252166"/>
                    <a:gd name="connsiteY1" fmla="*/ 32917 h 535361"/>
                    <a:gd name="connsiteX2" fmla="*/ 23441 w 1252166"/>
                    <a:gd name="connsiteY2" fmla="*/ 342480 h 535361"/>
                    <a:gd name="connsiteX3" fmla="*/ 80590 w 1252166"/>
                    <a:gd name="connsiteY3" fmla="*/ 440110 h 535361"/>
                    <a:gd name="connsiteX4" fmla="*/ 111547 w 1252166"/>
                    <a:gd name="connsiteY4" fmla="*/ 535361 h 535361"/>
                    <a:gd name="connsiteX5" fmla="*/ 1154534 w 1252166"/>
                    <a:gd name="connsiteY5" fmla="*/ 535361 h 535361"/>
                    <a:gd name="connsiteX6" fmla="*/ 1202159 w 1252166"/>
                    <a:gd name="connsiteY6" fmla="*/ 442492 h 535361"/>
                    <a:gd name="connsiteX7" fmla="*/ 1252166 w 1252166"/>
                    <a:gd name="connsiteY7" fmla="*/ 332955 h 535361"/>
                    <a:gd name="connsiteX8" fmla="*/ 692572 w 1252166"/>
                    <a:gd name="connsiteY8" fmla="*/ 30536 h 535361"/>
                    <a:gd name="connsiteX0" fmla="*/ 692572 w 1252166"/>
                    <a:gd name="connsiteY0" fmla="*/ 14162 h 518987"/>
                    <a:gd name="connsiteX1" fmla="*/ 561603 w 1252166"/>
                    <a:gd name="connsiteY1" fmla="*/ 16543 h 518987"/>
                    <a:gd name="connsiteX2" fmla="*/ 23441 w 1252166"/>
                    <a:gd name="connsiteY2" fmla="*/ 326106 h 518987"/>
                    <a:gd name="connsiteX3" fmla="*/ 80590 w 1252166"/>
                    <a:gd name="connsiteY3" fmla="*/ 423736 h 518987"/>
                    <a:gd name="connsiteX4" fmla="*/ 111547 w 1252166"/>
                    <a:gd name="connsiteY4" fmla="*/ 518987 h 518987"/>
                    <a:gd name="connsiteX5" fmla="*/ 1154534 w 1252166"/>
                    <a:gd name="connsiteY5" fmla="*/ 518987 h 518987"/>
                    <a:gd name="connsiteX6" fmla="*/ 1202159 w 1252166"/>
                    <a:gd name="connsiteY6" fmla="*/ 426118 h 518987"/>
                    <a:gd name="connsiteX7" fmla="*/ 1252166 w 1252166"/>
                    <a:gd name="connsiteY7" fmla="*/ 316581 h 518987"/>
                    <a:gd name="connsiteX8" fmla="*/ 692572 w 1252166"/>
                    <a:gd name="connsiteY8" fmla="*/ 14162 h 518987"/>
                    <a:gd name="connsiteX0" fmla="*/ 692572 w 1252166"/>
                    <a:gd name="connsiteY0" fmla="*/ 23244 h 528069"/>
                    <a:gd name="connsiteX1" fmla="*/ 561603 w 1252166"/>
                    <a:gd name="connsiteY1" fmla="*/ 25625 h 528069"/>
                    <a:gd name="connsiteX2" fmla="*/ 23441 w 1252166"/>
                    <a:gd name="connsiteY2" fmla="*/ 335188 h 528069"/>
                    <a:gd name="connsiteX3" fmla="*/ 80590 w 1252166"/>
                    <a:gd name="connsiteY3" fmla="*/ 432818 h 528069"/>
                    <a:gd name="connsiteX4" fmla="*/ 111547 w 1252166"/>
                    <a:gd name="connsiteY4" fmla="*/ 528069 h 528069"/>
                    <a:gd name="connsiteX5" fmla="*/ 1154534 w 1252166"/>
                    <a:gd name="connsiteY5" fmla="*/ 528069 h 528069"/>
                    <a:gd name="connsiteX6" fmla="*/ 1202159 w 1252166"/>
                    <a:gd name="connsiteY6" fmla="*/ 435200 h 528069"/>
                    <a:gd name="connsiteX7" fmla="*/ 1252166 w 1252166"/>
                    <a:gd name="connsiteY7" fmla="*/ 325663 h 528069"/>
                    <a:gd name="connsiteX8" fmla="*/ 692572 w 1252166"/>
                    <a:gd name="connsiteY8" fmla="*/ 23244 h 528069"/>
                    <a:gd name="connsiteX0" fmla="*/ 692572 w 1252166"/>
                    <a:gd name="connsiteY0" fmla="*/ 29173 h 533998"/>
                    <a:gd name="connsiteX1" fmla="*/ 561603 w 1252166"/>
                    <a:gd name="connsiteY1" fmla="*/ 31554 h 533998"/>
                    <a:gd name="connsiteX2" fmla="*/ 23441 w 1252166"/>
                    <a:gd name="connsiteY2" fmla="*/ 341117 h 533998"/>
                    <a:gd name="connsiteX3" fmla="*/ 80590 w 1252166"/>
                    <a:gd name="connsiteY3" fmla="*/ 438747 h 533998"/>
                    <a:gd name="connsiteX4" fmla="*/ 111547 w 1252166"/>
                    <a:gd name="connsiteY4" fmla="*/ 533998 h 533998"/>
                    <a:gd name="connsiteX5" fmla="*/ 1154534 w 1252166"/>
                    <a:gd name="connsiteY5" fmla="*/ 533998 h 533998"/>
                    <a:gd name="connsiteX6" fmla="*/ 1202159 w 1252166"/>
                    <a:gd name="connsiteY6" fmla="*/ 441129 h 533998"/>
                    <a:gd name="connsiteX7" fmla="*/ 1252166 w 1252166"/>
                    <a:gd name="connsiteY7" fmla="*/ 331592 h 533998"/>
                    <a:gd name="connsiteX8" fmla="*/ 692572 w 1252166"/>
                    <a:gd name="connsiteY8" fmla="*/ 29173 h 533998"/>
                    <a:gd name="connsiteX0" fmla="*/ 692572 w 1273836"/>
                    <a:gd name="connsiteY0" fmla="*/ 29173 h 533998"/>
                    <a:gd name="connsiteX1" fmla="*/ 561603 w 1273836"/>
                    <a:gd name="connsiteY1" fmla="*/ 31554 h 533998"/>
                    <a:gd name="connsiteX2" fmla="*/ 23441 w 1273836"/>
                    <a:gd name="connsiteY2" fmla="*/ 341117 h 533998"/>
                    <a:gd name="connsiteX3" fmla="*/ 80590 w 1273836"/>
                    <a:gd name="connsiteY3" fmla="*/ 438747 h 533998"/>
                    <a:gd name="connsiteX4" fmla="*/ 111547 w 1273836"/>
                    <a:gd name="connsiteY4" fmla="*/ 533998 h 533998"/>
                    <a:gd name="connsiteX5" fmla="*/ 1154534 w 1273836"/>
                    <a:gd name="connsiteY5" fmla="*/ 533998 h 533998"/>
                    <a:gd name="connsiteX6" fmla="*/ 1202159 w 1273836"/>
                    <a:gd name="connsiteY6" fmla="*/ 441129 h 533998"/>
                    <a:gd name="connsiteX7" fmla="*/ 1252166 w 1273836"/>
                    <a:gd name="connsiteY7" fmla="*/ 331592 h 533998"/>
                    <a:gd name="connsiteX8" fmla="*/ 692572 w 1273836"/>
                    <a:gd name="connsiteY8" fmla="*/ 29173 h 533998"/>
                    <a:gd name="connsiteX0" fmla="*/ 692572 w 1279168"/>
                    <a:gd name="connsiteY0" fmla="*/ 29173 h 533998"/>
                    <a:gd name="connsiteX1" fmla="*/ 561603 w 1279168"/>
                    <a:gd name="connsiteY1" fmla="*/ 31554 h 533998"/>
                    <a:gd name="connsiteX2" fmla="*/ 23441 w 1279168"/>
                    <a:gd name="connsiteY2" fmla="*/ 341117 h 533998"/>
                    <a:gd name="connsiteX3" fmla="*/ 80590 w 1279168"/>
                    <a:gd name="connsiteY3" fmla="*/ 438747 h 533998"/>
                    <a:gd name="connsiteX4" fmla="*/ 111547 w 1279168"/>
                    <a:gd name="connsiteY4" fmla="*/ 533998 h 533998"/>
                    <a:gd name="connsiteX5" fmla="*/ 1154534 w 1279168"/>
                    <a:gd name="connsiteY5" fmla="*/ 533998 h 533998"/>
                    <a:gd name="connsiteX6" fmla="*/ 1202159 w 1279168"/>
                    <a:gd name="connsiteY6" fmla="*/ 441129 h 533998"/>
                    <a:gd name="connsiteX7" fmla="*/ 1252166 w 1279168"/>
                    <a:gd name="connsiteY7" fmla="*/ 331592 h 533998"/>
                    <a:gd name="connsiteX8" fmla="*/ 692572 w 1279168"/>
                    <a:gd name="connsiteY8" fmla="*/ 29173 h 533998"/>
                    <a:gd name="connsiteX0" fmla="*/ 692572 w 1277069"/>
                    <a:gd name="connsiteY0" fmla="*/ 29173 h 533998"/>
                    <a:gd name="connsiteX1" fmla="*/ 561603 w 1277069"/>
                    <a:gd name="connsiteY1" fmla="*/ 31554 h 533998"/>
                    <a:gd name="connsiteX2" fmla="*/ 23441 w 1277069"/>
                    <a:gd name="connsiteY2" fmla="*/ 341117 h 533998"/>
                    <a:gd name="connsiteX3" fmla="*/ 80590 w 1277069"/>
                    <a:gd name="connsiteY3" fmla="*/ 438747 h 533998"/>
                    <a:gd name="connsiteX4" fmla="*/ 111547 w 1277069"/>
                    <a:gd name="connsiteY4" fmla="*/ 533998 h 533998"/>
                    <a:gd name="connsiteX5" fmla="*/ 1154534 w 1277069"/>
                    <a:gd name="connsiteY5" fmla="*/ 533998 h 533998"/>
                    <a:gd name="connsiteX6" fmla="*/ 1202159 w 1277069"/>
                    <a:gd name="connsiteY6" fmla="*/ 441129 h 533998"/>
                    <a:gd name="connsiteX7" fmla="*/ 1252166 w 1277069"/>
                    <a:gd name="connsiteY7" fmla="*/ 331592 h 533998"/>
                    <a:gd name="connsiteX8" fmla="*/ 692572 w 1277069"/>
                    <a:gd name="connsiteY8" fmla="*/ 29173 h 533998"/>
                    <a:gd name="connsiteX0" fmla="*/ 692572 w 1277069"/>
                    <a:gd name="connsiteY0" fmla="*/ 29173 h 533998"/>
                    <a:gd name="connsiteX1" fmla="*/ 561603 w 1277069"/>
                    <a:gd name="connsiteY1" fmla="*/ 31554 h 533998"/>
                    <a:gd name="connsiteX2" fmla="*/ 23441 w 1277069"/>
                    <a:gd name="connsiteY2" fmla="*/ 341117 h 533998"/>
                    <a:gd name="connsiteX3" fmla="*/ 80590 w 1277069"/>
                    <a:gd name="connsiteY3" fmla="*/ 438747 h 533998"/>
                    <a:gd name="connsiteX4" fmla="*/ 111547 w 1277069"/>
                    <a:gd name="connsiteY4" fmla="*/ 533998 h 533998"/>
                    <a:gd name="connsiteX5" fmla="*/ 1154534 w 1277069"/>
                    <a:gd name="connsiteY5" fmla="*/ 533998 h 533998"/>
                    <a:gd name="connsiteX6" fmla="*/ 1202159 w 1277069"/>
                    <a:gd name="connsiteY6" fmla="*/ 441129 h 533998"/>
                    <a:gd name="connsiteX7" fmla="*/ 1252166 w 1277069"/>
                    <a:gd name="connsiteY7" fmla="*/ 331592 h 533998"/>
                    <a:gd name="connsiteX8" fmla="*/ 692572 w 1277069"/>
                    <a:gd name="connsiteY8" fmla="*/ 29173 h 533998"/>
                    <a:gd name="connsiteX0" fmla="*/ 692572 w 1277069"/>
                    <a:gd name="connsiteY0" fmla="*/ 29173 h 533998"/>
                    <a:gd name="connsiteX1" fmla="*/ 561603 w 1277069"/>
                    <a:gd name="connsiteY1" fmla="*/ 31554 h 533998"/>
                    <a:gd name="connsiteX2" fmla="*/ 23441 w 1277069"/>
                    <a:gd name="connsiteY2" fmla="*/ 341117 h 533998"/>
                    <a:gd name="connsiteX3" fmla="*/ 80590 w 1277069"/>
                    <a:gd name="connsiteY3" fmla="*/ 438747 h 533998"/>
                    <a:gd name="connsiteX4" fmla="*/ 111547 w 1277069"/>
                    <a:gd name="connsiteY4" fmla="*/ 533998 h 533998"/>
                    <a:gd name="connsiteX5" fmla="*/ 1154534 w 1277069"/>
                    <a:gd name="connsiteY5" fmla="*/ 533998 h 533998"/>
                    <a:gd name="connsiteX6" fmla="*/ 1202159 w 1277069"/>
                    <a:gd name="connsiteY6" fmla="*/ 441129 h 533998"/>
                    <a:gd name="connsiteX7" fmla="*/ 1252166 w 1277069"/>
                    <a:gd name="connsiteY7" fmla="*/ 331592 h 533998"/>
                    <a:gd name="connsiteX8" fmla="*/ 692572 w 1277069"/>
                    <a:gd name="connsiteY8" fmla="*/ 29173 h 533998"/>
                    <a:gd name="connsiteX0" fmla="*/ 692572 w 1269744"/>
                    <a:gd name="connsiteY0" fmla="*/ 29173 h 533998"/>
                    <a:gd name="connsiteX1" fmla="*/ 561603 w 1269744"/>
                    <a:gd name="connsiteY1" fmla="*/ 31554 h 533998"/>
                    <a:gd name="connsiteX2" fmla="*/ 23441 w 1269744"/>
                    <a:gd name="connsiteY2" fmla="*/ 341117 h 533998"/>
                    <a:gd name="connsiteX3" fmla="*/ 80590 w 1269744"/>
                    <a:gd name="connsiteY3" fmla="*/ 438747 h 533998"/>
                    <a:gd name="connsiteX4" fmla="*/ 111547 w 1269744"/>
                    <a:gd name="connsiteY4" fmla="*/ 533998 h 533998"/>
                    <a:gd name="connsiteX5" fmla="*/ 1154534 w 1269744"/>
                    <a:gd name="connsiteY5" fmla="*/ 533998 h 533998"/>
                    <a:gd name="connsiteX6" fmla="*/ 1202159 w 1269744"/>
                    <a:gd name="connsiteY6" fmla="*/ 441129 h 533998"/>
                    <a:gd name="connsiteX7" fmla="*/ 1252166 w 1269744"/>
                    <a:gd name="connsiteY7" fmla="*/ 331592 h 533998"/>
                    <a:gd name="connsiteX8" fmla="*/ 692572 w 1269744"/>
                    <a:gd name="connsiteY8" fmla="*/ 29173 h 533998"/>
                    <a:gd name="connsiteX0" fmla="*/ 692572 w 1271832"/>
                    <a:gd name="connsiteY0" fmla="*/ 29173 h 533998"/>
                    <a:gd name="connsiteX1" fmla="*/ 561603 w 1271832"/>
                    <a:gd name="connsiteY1" fmla="*/ 31554 h 533998"/>
                    <a:gd name="connsiteX2" fmla="*/ 23441 w 1271832"/>
                    <a:gd name="connsiteY2" fmla="*/ 341117 h 533998"/>
                    <a:gd name="connsiteX3" fmla="*/ 80590 w 1271832"/>
                    <a:gd name="connsiteY3" fmla="*/ 438747 h 533998"/>
                    <a:gd name="connsiteX4" fmla="*/ 111547 w 1271832"/>
                    <a:gd name="connsiteY4" fmla="*/ 533998 h 533998"/>
                    <a:gd name="connsiteX5" fmla="*/ 1154534 w 1271832"/>
                    <a:gd name="connsiteY5" fmla="*/ 533998 h 533998"/>
                    <a:gd name="connsiteX6" fmla="*/ 1202159 w 1271832"/>
                    <a:gd name="connsiteY6" fmla="*/ 441129 h 533998"/>
                    <a:gd name="connsiteX7" fmla="*/ 1252166 w 1271832"/>
                    <a:gd name="connsiteY7" fmla="*/ 331592 h 533998"/>
                    <a:gd name="connsiteX8" fmla="*/ 692572 w 1271832"/>
                    <a:gd name="connsiteY8" fmla="*/ 29173 h 533998"/>
                    <a:gd name="connsiteX0" fmla="*/ 692572 w 1269951"/>
                    <a:gd name="connsiteY0" fmla="*/ 29173 h 533998"/>
                    <a:gd name="connsiteX1" fmla="*/ 561603 w 1269951"/>
                    <a:gd name="connsiteY1" fmla="*/ 31554 h 533998"/>
                    <a:gd name="connsiteX2" fmla="*/ 23441 w 1269951"/>
                    <a:gd name="connsiteY2" fmla="*/ 341117 h 533998"/>
                    <a:gd name="connsiteX3" fmla="*/ 80590 w 1269951"/>
                    <a:gd name="connsiteY3" fmla="*/ 438747 h 533998"/>
                    <a:gd name="connsiteX4" fmla="*/ 111547 w 1269951"/>
                    <a:gd name="connsiteY4" fmla="*/ 533998 h 533998"/>
                    <a:gd name="connsiteX5" fmla="*/ 1154534 w 1269951"/>
                    <a:gd name="connsiteY5" fmla="*/ 533998 h 533998"/>
                    <a:gd name="connsiteX6" fmla="*/ 1202159 w 1269951"/>
                    <a:gd name="connsiteY6" fmla="*/ 441129 h 533998"/>
                    <a:gd name="connsiteX7" fmla="*/ 1249785 w 1269951"/>
                    <a:gd name="connsiteY7" fmla="*/ 341117 h 533998"/>
                    <a:gd name="connsiteX8" fmla="*/ 692572 w 1269951"/>
                    <a:gd name="connsiteY8" fmla="*/ 29173 h 533998"/>
                    <a:gd name="connsiteX0" fmla="*/ 692572 w 1269951"/>
                    <a:gd name="connsiteY0" fmla="*/ 24947 h 529772"/>
                    <a:gd name="connsiteX1" fmla="*/ 561603 w 1269951"/>
                    <a:gd name="connsiteY1" fmla="*/ 27328 h 529772"/>
                    <a:gd name="connsiteX2" fmla="*/ 23441 w 1269951"/>
                    <a:gd name="connsiteY2" fmla="*/ 336891 h 529772"/>
                    <a:gd name="connsiteX3" fmla="*/ 80590 w 1269951"/>
                    <a:gd name="connsiteY3" fmla="*/ 434521 h 529772"/>
                    <a:gd name="connsiteX4" fmla="*/ 111547 w 1269951"/>
                    <a:gd name="connsiteY4" fmla="*/ 529772 h 529772"/>
                    <a:gd name="connsiteX5" fmla="*/ 1154534 w 1269951"/>
                    <a:gd name="connsiteY5" fmla="*/ 529772 h 529772"/>
                    <a:gd name="connsiteX6" fmla="*/ 1202159 w 1269951"/>
                    <a:gd name="connsiteY6" fmla="*/ 436903 h 529772"/>
                    <a:gd name="connsiteX7" fmla="*/ 1249785 w 1269951"/>
                    <a:gd name="connsiteY7" fmla="*/ 336891 h 529772"/>
                    <a:gd name="connsiteX8" fmla="*/ 692572 w 1269951"/>
                    <a:gd name="connsiteY8" fmla="*/ 24947 h 529772"/>
                    <a:gd name="connsiteX0" fmla="*/ 692572 w 1269951"/>
                    <a:gd name="connsiteY0" fmla="*/ 20245 h 525070"/>
                    <a:gd name="connsiteX1" fmla="*/ 561603 w 1269951"/>
                    <a:gd name="connsiteY1" fmla="*/ 22626 h 525070"/>
                    <a:gd name="connsiteX2" fmla="*/ 23441 w 1269951"/>
                    <a:gd name="connsiteY2" fmla="*/ 332189 h 525070"/>
                    <a:gd name="connsiteX3" fmla="*/ 80590 w 1269951"/>
                    <a:gd name="connsiteY3" fmla="*/ 429819 h 525070"/>
                    <a:gd name="connsiteX4" fmla="*/ 111547 w 1269951"/>
                    <a:gd name="connsiteY4" fmla="*/ 525070 h 525070"/>
                    <a:gd name="connsiteX5" fmla="*/ 1154534 w 1269951"/>
                    <a:gd name="connsiteY5" fmla="*/ 525070 h 525070"/>
                    <a:gd name="connsiteX6" fmla="*/ 1202159 w 1269951"/>
                    <a:gd name="connsiteY6" fmla="*/ 432201 h 525070"/>
                    <a:gd name="connsiteX7" fmla="*/ 1249785 w 1269951"/>
                    <a:gd name="connsiteY7" fmla="*/ 332189 h 525070"/>
                    <a:gd name="connsiteX8" fmla="*/ 692572 w 1269951"/>
                    <a:gd name="connsiteY8" fmla="*/ 20245 h 525070"/>
                    <a:gd name="connsiteX0" fmla="*/ 692572 w 1269951"/>
                    <a:gd name="connsiteY0" fmla="*/ 26900 h 531725"/>
                    <a:gd name="connsiteX1" fmla="*/ 561603 w 1269951"/>
                    <a:gd name="connsiteY1" fmla="*/ 29281 h 531725"/>
                    <a:gd name="connsiteX2" fmla="*/ 23441 w 1269951"/>
                    <a:gd name="connsiteY2" fmla="*/ 338844 h 531725"/>
                    <a:gd name="connsiteX3" fmla="*/ 80590 w 1269951"/>
                    <a:gd name="connsiteY3" fmla="*/ 436474 h 531725"/>
                    <a:gd name="connsiteX4" fmla="*/ 111547 w 1269951"/>
                    <a:gd name="connsiteY4" fmla="*/ 531725 h 531725"/>
                    <a:gd name="connsiteX5" fmla="*/ 1154534 w 1269951"/>
                    <a:gd name="connsiteY5" fmla="*/ 531725 h 531725"/>
                    <a:gd name="connsiteX6" fmla="*/ 1202159 w 1269951"/>
                    <a:gd name="connsiteY6" fmla="*/ 438856 h 531725"/>
                    <a:gd name="connsiteX7" fmla="*/ 1249785 w 1269951"/>
                    <a:gd name="connsiteY7" fmla="*/ 338844 h 531725"/>
                    <a:gd name="connsiteX8" fmla="*/ 692572 w 1269951"/>
                    <a:gd name="connsiteY8" fmla="*/ 26900 h 531725"/>
                    <a:gd name="connsiteX0" fmla="*/ 692572 w 1269951"/>
                    <a:gd name="connsiteY0" fmla="*/ 29311 h 534136"/>
                    <a:gd name="connsiteX1" fmla="*/ 561603 w 1269951"/>
                    <a:gd name="connsiteY1" fmla="*/ 31692 h 534136"/>
                    <a:gd name="connsiteX2" fmla="*/ 23441 w 1269951"/>
                    <a:gd name="connsiteY2" fmla="*/ 341255 h 534136"/>
                    <a:gd name="connsiteX3" fmla="*/ 80590 w 1269951"/>
                    <a:gd name="connsiteY3" fmla="*/ 438885 h 534136"/>
                    <a:gd name="connsiteX4" fmla="*/ 111547 w 1269951"/>
                    <a:gd name="connsiteY4" fmla="*/ 534136 h 534136"/>
                    <a:gd name="connsiteX5" fmla="*/ 1154534 w 1269951"/>
                    <a:gd name="connsiteY5" fmla="*/ 534136 h 534136"/>
                    <a:gd name="connsiteX6" fmla="*/ 1202159 w 1269951"/>
                    <a:gd name="connsiteY6" fmla="*/ 441267 h 534136"/>
                    <a:gd name="connsiteX7" fmla="*/ 1249785 w 1269951"/>
                    <a:gd name="connsiteY7" fmla="*/ 341255 h 534136"/>
                    <a:gd name="connsiteX8" fmla="*/ 692572 w 1269951"/>
                    <a:gd name="connsiteY8" fmla="*/ 29311 h 534136"/>
                    <a:gd name="connsiteX0" fmla="*/ 692572 w 1269951"/>
                    <a:gd name="connsiteY0" fmla="*/ 2530 h 507355"/>
                    <a:gd name="connsiteX1" fmla="*/ 552078 w 1269951"/>
                    <a:gd name="connsiteY1" fmla="*/ 309711 h 507355"/>
                    <a:gd name="connsiteX2" fmla="*/ 23441 w 1269951"/>
                    <a:gd name="connsiteY2" fmla="*/ 314474 h 507355"/>
                    <a:gd name="connsiteX3" fmla="*/ 80590 w 1269951"/>
                    <a:gd name="connsiteY3" fmla="*/ 412104 h 507355"/>
                    <a:gd name="connsiteX4" fmla="*/ 111547 w 1269951"/>
                    <a:gd name="connsiteY4" fmla="*/ 507355 h 507355"/>
                    <a:gd name="connsiteX5" fmla="*/ 1154534 w 1269951"/>
                    <a:gd name="connsiteY5" fmla="*/ 507355 h 507355"/>
                    <a:gd name="connsiteX6" fmla="*/ 1202159 w 1269951"/>
                    <a:gd name="connsiteY6" fmla="*/ 414486 h 507355"/>
                    <a:gd name="connsiteX7" fmla="*/ 1249785 w 1269951"/>
                    <a:gd name="connsiteY7" fmla="*/ 314474 h 507355"/>
                    <a:gd name="connsiteX8" fmla="*/ 692572 w 1269951"/>
                    <a:gd name="connsiteY8" fmla="*/ 2530 h 507355"/>
                    <a:gd name="connsiteX0" fmla="*/ 735435 w 1269951"/>
                    <a:gd name="connsiteY0" fmla="*/ 29312 h 229337"/>
                    <a:gd name="connsiteX1" fmla="*/ 552078 w 1269951"/>
                    <a:gd name="connsiteY1" fmla="*/ 31693 h 229337"/>
                    <a:gd name="connsiteX2" fmla="*/ 23441 w 1269951"/>
                    <a:gd name="connsiteY2" fmla="*/ 36456 h 229337"/>
                    <a:gd name="connsiteX3" fmla="*/ 80590 w 1269951"/>
                    <a:gd name="connsiteY3" fmla="*/ 134086 h 229337"/>
                    <a:gd name="connsiteX4" fmla="*/ 111547 w 1269951"/>
                    <a:gd name="connsiteY4" fmla="*/ 229337 h 229337"/>
                    <a:gd name="connsiteX5" fmla="*/ 1154534 w 1269951"/>
                    <a:gd name="connsiteY5" fmla="*/ 229337 h 229337"/>
                    <a:gd name="connsiteX6" fmla="*/ 1202159 w 1269951"/>
                    <a:gd name="connsiteY6" fmla="*/ 136468 h 229337"/>
                    <a:gd name="connsiteX7" fmla="*/ 1249785 w 1269951"/>
                    <a:gd name="connsiteY7" fmla="*/ 36456 h 229337"/>
                    <a:gd name="connsiteX8" fmla="*/ 735435 w 1269951"/>
                    <a:gd name="connsiteY8" fmla="*/ 29312 h 229337"/>
                    <a:gd name="connsiteX0" fmla="*/ 735435 w 1269951"/>
                    <a:gd name="connsiteY0" fmla="*/ 13088 h 213113"/>
                    <a:gd name="connsiteX1" fmla="*/ 552078 w 1269951"/>
                    <a:gd name="connsiteY1" fmla="*/ 15469 h 213113"/>
                    <a:gd name="connsiteX2" fmla="*/ 23441 w 1269951"/>
                    <a:gd name="connsiteY2" fmla="*/ 20232 h 213113"/>
                    <a:gd name="connsiteX3" fmla="*/ 80590 w 1269951"/>
                    <a:gd name="connsiteY3" fmla="*/ 117862 h 213113"/>
                    <a:gd name="connsiteX4" fmla="*/ 111547 w 1269951"/>
                    <a:gd name="connsiteY4" fmla="*/ 213113 h 213113"/>
                    <a:gd name="connsiteX5" fmla="*/ 1154534 w 1269951"/>
                    <a:gd name="connsiteY5" fmla="*/ 213113 h 213113"/>
                    <a:gd name="connsiteX6" fmla="*/ 1202159 w 1269951"/>
                    <a:gd name="connsiteY6" fmla="*/ 120244 h 213113"/>
                    <a:gd name="connsiteX7" fmla="*/ 1249785 w 1269951"/>
                    <a:gd name="connsiteY7" fmla="*/ 20232 h 213113"/>
                    <a:gd name="connsiteX8" fmla="*/ 735435 w 1269951"/>
                    <a:gd name="connsiteY8" fmla="*/ 13088 h 213113"/>
                    <a:gd name="connsiteX0" fmla="*/ 735435 w 1269951"/>
                    <a:gd name="connsiteY0" fmla="*/ 0 h 200025"/>
                    <a:gd name="connsiteX1" fmla="*/ 552078 w 1269951"/>
                    <a:gd name="connsiteY1" fmla="*/ 2381 h 200025"/>
                    <a:gd name="connsiteX2" fmla="*/ 23441 w 1269951"/>
                    <a:gd name="connsiteY2" fmla="*/ 7144 h 200025"/>
                    <a:gd name="connsiteX3" fmla="*/ 80590 w 1269951"/>
                    <a:gd name="connsiteY3" fmla="*/ 104774 h 200025"/>
                    <a:gd name="connsiteX4" fmla="*/ 111547 w 1269951"/>
                    <a:gd name="connsiteY4" fmla="*/ 200025 h 200025"/>
                    <a:gd name="connsiteX5" fmla="*/ 1154534 w 1269951"/>
                    <a:gd name="connsiteY5" fmla="*/ 200025 h 200025"/>
                    <a:gd name="connsiteX6" fmla="*/ 1202159 w 1269951"/>
                    <a:gd name="connsiteY6" fmla="*/ 107156 h 200025"/>
                    <a:gd name="connsiteX7" fmla="*/ 1249785 w 1269951"/>
                    <a:gd name="connsiteY7" fmla="*/ 7144 h 200025"/>
                    <a:gd name="connsiteX8" fmla="*/ 735435 w 1269951"/>
                    <a:gd name="connsiteY8" fmla="*/ 0 h 200025"/>
                    <a:gd name="connsiteX0" fmla="*/ 733054 w 1269951"/>
                    <a:gd name="connsiteY0" fmla="*/ 0 h 197644"/>
                    <a:gd name="connsiteX1" fmla="*/ 552078 w 1269951"/>
                    <a:gd name="connsiteY1" fmla="*/ 0 h 197644"/>
                    <a:gd name="connsiteX2" fmla="*/ 23441 w 1269951"/>
                    <a:gd name="connsiteY2" fmla="*/ 4763 h 197644"/>
                    <a:gd name="connsiteX3" fmla="*/ 80590 w 1269951"/>
                    <a:gd name="connsiteY3" fmla="*/ 102393 h 197644"/>
                    <a:gd name="connsiteX4" fmla="*/ 111547 w 1269951"/>
                    <a:gd name="connsiteY4" fmla="*/ 197644 h 197644"/>
                    <a:gd name="connsiteX5" fmla="*/ 1154534 w 1269951"/>
                    <a:gd name="connsiteY5" fmla="*/ 197644 h 197644"/>
                    <a:gd name="connsiteX6" fmla="*/ 1202159 w 1269951"/>
                    <a:gd name="connsiteY6" fmla="*/ 104775 h 197644"/>
                    <a:gd name="connsiteX7" fmla="*/ 1249785 w 1269951"/>
                    <a:gd name="connsiteY7" fmla="*/ 4763 h 197644"/>
                    <a:gd name="connsiteX8" fmla="*/ 733054 w 1269951"/>
                    <a:gd name="connsiteY8" fmla="*/ 0 h 197644"/>
                    <a:gd name="connsiteX0" fmla="*/ 733054 w 1269951"/>
                    <a:gd name="connsiteY0" fmla="*/ 293 h 197937"/>
                    <a:gd name="connsiteX1" fmla="*/ 552078 w 1269951"/>
                    <a:gd name="connsiteY1" fmla="*/ 293 h 197937"/>
                    <a:gd name="connsiteX2" fmla="*/ 23441 w 1269951"/>
                    <a:gd name="connsiteY2" fmla="*/ 5056 h 197937"/>
                    <a:gd name="connsiteX3" fmla="*/ 80590 w 1269951"/>
                    <a:gd name="connsiteY3" fmla="*/ 102686 h 197937"/>
                    <a:gd name="connsiteX4" fmla="*/ 111547 w 1269951"/>
                    <a:gd name="connsiteY4" fmla="*/ 197937 h 197937"/>
                    <a:gd name="connsiteX5" fmla="*/ 1154534 w 1269951"/>
                    <a:gd name="connsiteY5" fmla="*/ 197937 h 197937"/>
                    <a:gd name="connsiteX6" fmla="*/ 1202159 w 1269951"/>
                    <a:gd name="connsiteY6" fmla="*/ 105068 h 197937"/>
                    <a:gd name="connsiteX7" fmla="*/ 1249785 w 1269951"/>
                    <a:gd name="connsiteY7" fmla="*/ 5056 h 197937"/>
                    <a:gd name="connsiteX8" fmla="*/ 733054 w 1269951"/>
                    <a:gd name="connsiteY8" fmla="*/ 293 h 197937"/>
                    <a:gd name="connsiteX0" fmla="*/ 733054 w 1269951"/>
                    <a:gd name="connsiteY0" fmla="*/ 293 h 197937"/>
                    <a:gd name="connsiteX1" fmla="*/ 552078 w 1269951"/>
                    <a:gd name="connsiteY1" fmla="*/ 293 h 197937"/>
                    <a:gd name="connsiteX2" fmla="*/ 23441 w 1269951"/>
                    <a:gd name="connsiteY2" fmla="*/ 5056 h 197937"/>
                    <a:gd name="connsiteX3" fmla="*/ 80590 w 1269951"/>
                    <a:gd name="connsiteY3" fmla="*/ 102686 h 197937"/>
                    <a:gd name="connsiteX4" fmla="*/ 111547 w 1269951"/>
                    <a:gd name="connsiteY4" fmla="*/ 197937 h 197937"/>
                    <a:gd name="connsiteX5" fmla="*/ 1154534 w 1269951"/>
                    <a:gd name="connsiteY5" fmla="*/ 197937 h 197937"/>
                    <a:gd name="connsiteX6" fmla="*/ 1202159 w 1269951"/>
                    <a:gd name="connsiteY6" fmla="*/ 105068 h 197937"/>
                    <a:gd name="connsiteX7" fmla="*/ 1249785 w 1269951"/>
                    <a:gd name="connsiteY7" fmla="*/ 5056 h 197937"/>
                    <a:gd name="connsiteX8" fmla="*/ 733054 w 1269951"/>
                    <a:gd name="connsiteY8" fmla="*/ 293 h 197937"/>
                    <a:gd name="connsiteX0" fmla="*/ 733054 w 1269951"/>
                    <a:gd name="connsiteY0" fmla="*/ 0 h 197644"/>
                    <a:gd name="connsiteX1" fmla="*/ 552078 w 1269951"/>
                    <a:gd name="connsiteY1" fmla="*/ 0 h 197644"/>
                    <a:gd name="connsiteX2" fmla="*/ 23441 w 1269951"/>
                    <a:gd name="connsiteY2" fmla="*/ 4763 h 197644"/>
                    <a:gd name="connsiteX3" fmla="*/ 80590 w 1269951"/>
                    <a:gd name="connsiteY3" fmla="*/ 102393 h 197644"/>
                    <a:gd name="connsiteX4" fmla="*/ 111547 w 1269951"/>
                    <a:gd name="connsiteY4" fmla="*/ 197644 h 197644"/>
                    <a:gd name="connsiteX5" fmla="*/ 1154534 w 1269951"/>
                    <a:gd name="connsiteY5" fmla="*/ 197644 h 197644"/>
                    <a:gd name="connsiteX6" fmla="*/ 1202159 w 1269951"/>
                    <a:gd name="connsiteY6" fmla="*/ 104775 h 197644"/>
                    <a:gd name="connsiteX7" fmla="*/ 1249785 w 1269951"/>
                    <a:gd name="connsiteY7" fmla="*/ 4763 h 197644"/>
                    <a:gd name="connsiteX8" fmla="*/ 733054 w 1269951"/>
                    <a:gd name="connsiteY8" fmla="*/ 0 h 197644"/>
                    <a:gd name="connsiteX0" fmla="*/ 733054 w 1269951"/>
                    <a:gd name="connsiteY0" fmla="*/ 228 h 197872"/>
                    <a:gd name="connsiteX1" fmla="*/ 552078 w 1269951"/>
                    <a:gd name="connsiteY1" fmla="*/ 228 h 197872"/>
                    <a:gd name="connsiteX2" fmla="*/ 23441 w 1269951"/>
                    <a:gd name="connsiteY2" fmla="*/ 4991 h 197872"/>
                    <a:gd name="connsiteX3" fmla="*/ 80590 w 1269951"/>
                    <a:gd name="connsiteY3" fmla="*/ 102621 h 197872"/>
                    <a:gd name="connsiteX4" fmla="*/ 111547 w 1269951"/>
                    <a:gd name="connsiteY4" fmla="*/ 197872 h 197872"/>
                    <a:gd name="connsiteX5" fmla="*/ 1154534 w 1269951"/>
                    <a:gd name="connsiteY5" fmla="*/ 197872 h 197872"/>
                    <a:gd name="connsiteX6" fmla="*/ 1202159 w 1269951"/>
                    <a:gd name="connsiteY6" fmla="*/ 105003 h 197872"/>
                    <a:gd name="connsiteX7" fmla="*/ 1249785 w 1269951"/>
                    <a:gd name="connsiteY7" fmla="*/ 4991 h 197872"/>
                    <a:gd name="connsiteX8" fmla="*/ 733054 w 1269951"/>
                    <a:gd name="connsiteY8" fmla="*/ 228 h 197872"/>
                    <a:gd name="connsiteX0" fmla="*/ 733054 w 1269951"/>
                    <a:gd name="connsiteY0" fmla="*/ 228 h 197872"/>
                    <a:gd name="connsiteX1" fmla="*/ 552078 w 1269951"/>
                    <a:gd name="connsiteY1" fmla="*/ 228 h 197872"/>
                    <a:gd name="connsiteX2" fmla="*/ 23441 w 1269951"/>
                    <a:gd name="connsiteY2" fmla="*/ 4991 h 197872"/>
                    <a:gd name="connsiteX3" fmla="*/ 80590 w 1269951"/>
                    <a:gd name="connsiteY3" fmla="*/ 102621 h 197872"/>
                    <a:gd name="connsiteX4" fmla="*/ 111547 w 1269951"/>
                    <a:gd name="connsiteY4" fmla="*/ 197872 h 197872"/>
                    <a:gd name="connsiteX5" fmla="*/ 1154534 w 1269951"/>
                    <a:gd name="connsiteY5" fmla="*/ 197872 h 197872"/>
                    <a:gd name="connsiteX6" fmla="*/ 1202159 w 1269951"/>
                    <a:gd name="connsiteY6" fmla="*/ 105003 h 197872"/>
                    <a:gd name="connsiteX7" fmla="*/ 1249785 w 1269951"/>
                    <a:gd name="connsiteY7" fmla="*/ 4991 h 197872"/>
                    <a:gd name="connsiteX8" fmla="*/ 733054 w 1269951"/>
                    <a:gd name="connsiteY8" fmla="*/ 228 h 197872"/>
                    <a:gd name="connsiteX0" fmla="*/ 733054 w 1269951"/>
                    <a:gd name="connsiteY0" fmla="*/ 228 h 197872"/>
                    <a:gd name="connsiteX1" fmla="*/ 711622 w 1269951"/>
                    <a:gd name="connsiteY1" fmla="*/ 228 h 197872"/>
                    <a:gd name="connsiteX2" fmla="*/ 23441 w 1269951"/>
                    <a:gd name="connsiteY2" fmla="*/ 4991 h 197872"/>
                    <a:gd name="connsiteX3" fmla="*/ 80590 w 1269951"/>
                    <a:gd name="connsiteY3" fmla="*/ 102621 h 197872"/>
                    <a:gd name="connsiteX4" fmla="*/ 111547 w 1269951"/>
                    <a:gd name="connsiteY4" fmla="*/ 197872 h 197872"/>
                    <a:gd name="connsiteX5" fmla="*/ 1154534 w 1269951"/>
                    <a:gd name="connsiteY5" fmla="*/ 197872 h 197872"/>
                    <a:gd name="connsiteX6" fmla="*/ 1202159 w 1269951"/>
                    <a:gd name="connsiteY6" fmla="*/ 105003 h 197872"/>
                    <a:gd name="connsiteX7" fmla="*/ 1249785 w 1269951"/>
                    <a:gd name="connsiteY7" fmla="*/ 4991 h 197872"/>
                    <a:gd name="connsiteX8" fmla="*/ 733054 w 1269951"/>
                    <a:gd name="connsiteY8" fmla="*/ 228 h 1978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69951" h="197872">
                      <a:moveTo>
                        <a:pt x="733054" y="228"/>
                      </a:moveTo>
                      <a:cubicBezTo>
                        <a:pt x="727499" y="1023"/>
                        <a:pt x="721941" y="-565"/>
                        <a:pt x="711622" y="228"/>
                      </a:cubicBezTo>
                      <a:cubicBezTo>
                        <a:pt x="718766" y="1816"/>
                        <a:pt x="199653" y="3403"/>
                        <a:pt x="23441" y="4991"/>
                      </a:cubicBezTo>
                      <a:cubicBezTo>
                        <a:pt x="-44028" y="83572"/>
                        <a:pt x="52809" y="100241"/>
                        <a:pt x="80590" y="102621"/>
                      </a:cubicBezTo>
                      <a:cubicBezTo>
                        <a:pt x="36933" y="143102"/>
                        <a:pt x="69479" y="197872"/>
                        <a:pt x="111547" y="197872"/>
                      </a:cubicBezTo>
                      <a:lnTo>
                        <a:pt x="1154534" y="197872"/>
                      </a:lnTo>
                      <a:cubicBezTo>
                        <a:pt x="1189459" y="190728"/>
                        <a:pt x="1233909" y="174059"/>
                        <a:pt x="1202159" y="105003"/>
                      </a:cubicBezTo>
                      <a:cubicBezTo>
                        <a:pt x="1252165" y="94684"/>
                        <a:pt x="1297409" y="65316"/>
                        <a:pt x="1249785" y="4991"/>
                      </a:cubicBezTo>
                      <a:lnTo>
                        <a:pt x="733054" y="228"/>
                      </a:lnTo>
                      <a:close/>
                    </a:path>
                  </a:pathLst>
                </a:custGeom>
                <a:noFill/>
                <a:ln w="28575">
                  <a:solidFill>
                    <a:schemeClr val="bg1">
                      <a:lumMod val="65000"/>
                    </a:schemeClr>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3197">
                    <a:solidFill>
                      <a:prstClr val="black">
                        <a:lumMod val="50000"/>
                        <a:lumOff val="50000"/>
                      </a:prstClr>
                    </a:solidFill>
                  </a:endParaRPr>
                </a:p>
              </p:txBody>
            </p:sp>
            <p:cxnSp>
              <p:nvCxnSpPr>
                <p:cNvPr id="31" name="Straight Connector 30">
                  <a:extLst>
                    <a:ext uri="{FF2B5EF4-FFF2-40B4-BE49-F238E27FC236}">
                      <a16:creationId xmlns:a16="http://schemas.microsoft.com/office/drawing/2014/main" id="{B317B393-4464-4144-AF2E-D8D9FE080FD3}"/>
                    </a:ext>
                  </a:extLst>
                </p:cNvPr>
                <p:cNvCxnSpPr/>
                <p:nvPr/>
              </p:nvCxnSpPr>
              <p:spPr>
                <a:xfrm>
                  <a:off x="1805232" y="1821063"/>
                  <a:ext cx="708942" cy="0"/>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32" name="Straight Connector 31">
                  <a:extLst>
                    <a:ext uri="{FF2B5EF4-FFF2-40B4-BE49-F238E27FC236}">
                      <a16:creationId xmlns:a16="http://schemas.microsoft.com/office/drawing/2014/main" id="{875ADF45-6F85-584F-8E89-BA7ED5A164C3}"/>
                    </a:ext>
                  </a:extLst>
                </p:cNvPr>
                <p:cNvCxnSpPr/>
                <p:nvPr/>
              </p:nvCxnSpPr>
              <p:spPr>
                <a:xfrm>
                  <a:off x="1805232" y="2330700"/>
                  <a:ext cx="708942" cy="0"/>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grpSp>
              <p:nvGrpSpPr>
                <p:cNvPr id="33" name="Group 32">
                  <a:extLst>
                    <a:ext uri="{FF2B5EF4-FFF2-40B4-BE49-F238E27FC236}">
                      <a16:creationId xmlns:a16="http://schemas.microsoft.com/office/drawing/2014/main" id="{56C63315-A96D-344C-8503-C2B8AFA64E6C}"/>
                    </a:ext>
                  </a:extLst>
                </p:cNvPr>
                <p:cNvGrpSpPr/>
                <p:nvPr/>
              </p:nvGrpSpPr>
              <p:grpSpPr>
                <a:xfrm>
                  <a:off x="1845172" y="1895872"/>
                  <a:ext cx="629062" cy="364297"/>
                  <a:chOff x="1428750" y="5664879"/>
                  <a:chExt cx="900113" cy="521266"/>
                </a:xfrm>
              </p:grpSpPr>
              <p:cxnSp>
                <p:nvCxnSpPr>
                  <p:cNvPr id="34" name="Straight Connector 33">
                    <a:extLst>
                      <a:ext uri="{FF2B5EF4-FFF2-40B4-BE49-F238E27FC236}">
                        <a16:creationId xmlns:a16="http://schemas.microsoft.com/office/drawing/2014/main" id="{81424BD0-6324-6D41-8197-637EFCF27596}"/>
                      </a:ext>
                    </a:extLst>
                  </p:cNvPr>
                  <p:cNvCxnSpPr/>
                  <p:nvPr/>
                </p:nvCxnSpPr>
                <p:spPr>
                  <a:xfrm flipV="1">
                    <a:off x="1428750" y="5664879"/>
                    <a:ext cx="0" cy="521266"/>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35" name="Straight Connector 34">
                    <a:extLst>
                      <a:ext uri="{FF2B5EF4-FFF2-40B4-BE49-F238E27FC236}">
                        <a16:creationId xmlns:a16="http://schemas.microsoft.com/office/drawing/2014/main" id="{17AAD8FB-0230-E64D-AC6D-0A5071C7E0E9}"/>
                      </a:ext>
                    </a:extLst>
                  </p:cNvPr>
                  <p:cNvCxnSpPr/>
                  <p:nvPr/>
                </p:nvCxnSpPr>
                <p:spPr>
                  <a:xfrm flipV="1">
                    <a:off x="2081213" y="5664879"/>
                    <a:ext cx="0" cy="521266"/>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36" name="Straight Connector 35">
                    <a:extLst>
                      <a:ext uri="{FF2B5EF4-FFF2-40B4-BE49-F238E27FC236}">
                        <a16:creationId xmlns:a16="http://schemas.microsoft.com/office/drawing/2014/main" id="{8E1ABE35-F0CA-F74C-84D5-942766C30079}"/>
                      </a:ext>
                    </a:extLst>
                  </p:cNvPr>
                  <p:cNvCxnSpPr/>
                  <p:nvPr/>
                </p:nvCxnSpPr>
                <p:spPr>
                  <a:xfrm flipV="1">
                    <a:off x="2176462" y="5664879"/>
                    <a:ext cx="0" cy="521266"/>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37" name="Straight Connector 36">
                    <a:extLst>
                      <a:ext uri="{FF2B5EF4-FFF2-40B4-BE49-F238E27FC236}">
                        <a16:creationId xmlns:a16="http://schemas.microsoft.com/office/drawing/2014/main" id="{FEC3AB0C-8144-A441-8479-3CE13DCFBCFB}"/>
                      </a:ext>
                    </a:extLst>
                  </p:cNvPr>
                  <p:cNvCxnSpPr/>
                  <p:nvPr/>
                </p:nvCxnSpPr>
                <p:spPr>
                  <a:xfrm flipV="1">
                    <a:off x="1830117" y="5664879"/>
                    <a:ext cx="0" cy="521266"/>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38" name="Straight Connector 37">
                    <a:extLst>
                      <a:ext uri="{FF2B5EF4-FFF2-40B4-BE49-F238E27FC236}">
                        <a16:creationId xmlns:a16="http://schemas.microsoft.com/office/drawing/2014/main" id="{9FE7669E-43C0-0D41-BEC9-94A79C9649E2}"/>
                      </a:ext>
                    </a:extLst>
                  </p:cNvPr>
                  <p:cNvCxnSpPr/>
                  <p:nvPr/>
                </p:nvCxnSpPr>
                <p:spPr>
                  <a:xfrm flipV="1">
                    <a:off x="1925366" y="5664879"/>
                    <a:ext cx="0" cy="521266"/>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39" name="Straight Connector 38">
                    <a:extLst>
                      <a:ext uri="{FF2B5EF4-FFF2-40B4-BE49-F238E27FC236}">
                        <a16:creationId xmlns:a16="http://schemas.microsoft.com/office/drawing/2014/main" id="{8678D76D-5789-C84C-8996-6BE751095B82}"/>
                      </a:ext>
                    </a:extLst>
                  </p:cNvPr>
                  <p:cNvCxnSpPr/>
                  <p:nvPr/>
                </p:nvCxnSpPr>
                <p:spPr>
                  <a:xfrm flipV="1">
                    <a:off x="1580086" y="5664879"/>
                    <a:ext cx="0" cy="521266"/>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40" name="Straight Connector 39">
                    <a:extLst>
                      <a:ext uri="{FF2B5EF4-FFF2-40B4-BE49-F238E27FC236}">
                        <a16:creationId xmlns:a16="http://schemas.microsoft.com/office/drawing/2014/main" id="{248EBC77-5A48-E14A-B6C9-63837145F1F9}"/>
                      </a:ext>
                    </a:extLst>
                  </p:cNvPr>
                  <p:cNvCxnSpPr/>
                  <p:nvPr/>
                </p:nvCxnSpPr>
                <p:spPr>
                  <a:xfrm flipV="1">
                    <a:off x="1675335" y="5664879"/>
                    <a:ext cx="0" cy="521266"/>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41" name="Straight Connector 40">
                    <a:extLst>
                      <a:ext uri="{FF2B5EF4-FFF2-40B4-BE49-F238E27FC236}">
                        <a16:creationId xmlns:a16="http://schemas.microsoft.com/office/drawing/2014/main" id="{20C9FAB9-B6BD-2948-A22C-407EA188F639}"/>
                      </a:ext>
                    </a:extLst>
                  </p:cNvPr>
                  <p:cNvCxnSpPr/>
                  <p:nvPr/>
                </p:nvCxnSpPr>
                <p:spPr>
                  <a:xfrm flipV="1">
                    <a:off x="2328863" y="5664879"/>
                    <a:ext cx="0" cy="521266"/>
                  </a:xfrm>
                  <a:prstGeom prst="line">
                    <a:avLst/>
                  </a:prstGeom>
                  <a:ln w="28575">
                    <a:solidFill>
                      <a:schemeClr val="bg1">
                        <a:lumMod val="65000"/>
                      </a:schemeClr>
                    </a:solidFil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grpSp>
          </p:grpSp>
        </p:grpSp>
        <p:grpSp>
          <p:nvGrpSpPr>
            <p:cNvPr id="45" name="Group 44"/>
            <p:cNvGrpSpPr/>
            <p:nvPr/>
          </p:nvGrpSpPr>
          <p:grpSpPr>
            <a:xfrm>
              <a:off x="7031234" y="3435827"/>
              <a:ext cx="1554480" cy="1161253"/>
              <a:chOff x="7031234" y="3435827"/>
              <a:chExt cx="1554480" cy="1161253"/>
            </a:xfrm>
          </p:grpSpPr>
          <p:sp>
            <p:nvSpPr>
              <p:cNvPr id="11" name="TextBox 10"/>
              <p:cNvSpPr txBox="1"/>
              <p:nvPr/>
            </p:nvSpPr>
            <p:spPr>
              <a:xfrm>
                <a:off x="7031234" y="4016348"/>
                <a:ext cx="1554480" cy="580732"/>
              </a:xfrm>
              <a:prstGeom prst="rect">
                <a:avLst/>
              </a:prstGeom>
              <a:noFill/>
            </p:spPr>
            <p:txBody>
              <a:bodyPr wrap="square" rtlCol="0">
                <a:spAutoFit/>
              </a:bodyPr>
              <a:lstStyle/>
              <a:p>
                <a:pPr algn="ctr"/>
                <a:r>
                  <a:rPr lang="en-US" sz="1865" dirty="0">
                    <a:solidFill>
                      <a:prstClr val="black">
                        <a:lumMod val="50000"/>
                        <a:lumOff val="50000"/>
                      </a:prstClr>
                    </a:solidFill>
                    <a:cs typeface="Arial" panose="020B0604020202020204" pitchFamily="34" charset="0"/>
                  </a:rPr>
                  <a:t>Food </a:t>
                </a:r>
              </a:p>
              <a:p>
                <a:pPr algn="ctr"/>
                <a:r>
                  <a:rPr lang="en-US" sz="1865" dirty="0">
                    <a:solidFill>
                      <a:prstClr val="black">
                        <a:lumMod val="50000"/>
                        <a:lumOff val="50000"/>
                      </a:prstClr>
                    </a:solidFill>
                    <a:cs typeface="Arial" panose="020B0604020202020204" pitchFamily="34" charset="0"/>
                  </a:rPr>
                  <a:t>access</a:t>
                </a:r>
              </a:p>
            </p:txBody>
          </p:sp>
          <p:pic>
            <p:nvPicPr>
              <p:cNvPr id="42" name="Picture 41">
                <a:extLst>
                  <a:ext uri="{FF2B5EF4-FFF2-40B4-BE49-F238E27FC236}">
                    <a16:creationId xmlns:a16="http://schemas.microsoft.com/office/drawing/2014/main" id="{09955579-D2C3-0F4F-87CF-0325134B3EA0}"/>
                  </a:ext>
                </a:extLst>
              </p:cNvPr>
              <p:cNvPicPr>
                <a:picLocks noChangeAspect="1"/>
              </p:cNvPicPr>
              <p:nvPr/>
            </p:nvPicPr>
            <p:blipFill>
              <a:blip r:embed="rId6"/>
              <a:stretch>
                <a:fillRect/>
              </a:stretch>
            </p:blipFill>
            <p:spPr>
              <a:xfrm>
                <a:off x="7528445" y="3435827"/>
                <a:ext cx="560059" cy="528507"/>
              </a:xfrm>
              <a:prstGeom prst="rect">
                <a:avLst/>
              </a:prstGeom>
            </p:spPr>
          </p:pic>
        </p:grpSp>
      </p:grpSp>
      <p:cxnSp>
        <p:nvCxnSpPr>
          <p:cNvPr id="43" name="Straight Connector 42">
            <a:extLst>
              <a:ext uri="{FF2B5EF4-FFF2-40B4-BE49-F238E27FC236}">
                <a16:creationId xmlns:a16="http://schemas.microsoft.com/office/drawing/2014/main" id="{7EAC4D97-4AB5-8E44-914C-F0EFAD207128}"/>
              </a:ext>
            </a:extLst>
          </p:cNvPr>
          <p:cNvCxnSpPr/>
          <p:nvPr/>
        </p:nvCxnSpPr>
        <p:spPr>
          <a:xfrm>
            <a:off x="1938427" y="2832695"/>
            <a:ext cx="7934527" cy="0"/>
          </a:xfrm>
          <a:prstGeom prst="line">
            <a:avLst/>
          </a:prstGeom>
          <a:ln w="19050">
            <a:solidFill>
              <a:schemeClr val="bg1">
                <a:lumMod val="65000"/>
              </a:schemeClr>
            </a:solidFill>
          </a:ln>
          <a:effectLst/>
        </p:spPr>
        <p:style>
          <a:lnRef idx="2">
            <a:schemeClr val="accent1"/>
          </a:lnRef>
          <a:fillRef idx="0">
            <a:schemeClr val="accent1"/>
          </a:fillRef>
          <a:effectRef idx="1">
            <a:schemeClr val="accent1"/>
          </a:effectRef>
          <a:fontRef idx="minor">
            <a:schemeClr val="tx1"/>
          </a:fontRef>
        </p:style>
      </p:cxnSp>
      <p:sp>
        <p:nvSpPr>
          <p:cNvPr id="59" name="Right Brace 58"/>
          <p:cNvSpPr/>
          <p:nvPr/>
        </p:nvSpPr>
        <p:spPr>
          <a:xfrm rot="5400000">
            <a:off x="5672327" y="48489"/>
            <a:ext cx="466725" cy="9058275"/>
          </a:xfrm>
          <a:prstGeom prst="rightBrace">
            <a:avLst>
              <a:gd name="adj1" fmla="val 59353"/>
              <a:gd name="adj2" fmla="val 91500"/>
            </a:avLst>
          </a:prstGeom>
          <a:ln w="28575">
            <a:solidFill>
              <a:srgbClr val="002850"/>
            </a:solidFill>
          </a:ln>
        </p:spPr>
        <p:style>
          <a:lnRef idx="1">
            <a:schemeClr val="accent3"/>
          </a:lnRef>
          <a:fillRef idx="0">
            <a:schemeClr val="accent3"/>
          </a:fillRef>
          <a:effectRef idx="0">
            <a:schemeClr val="accent3"/>
          </a:effectRef>
          <a:fontRef idx="minor">
            <a:schemeClr val="tx1"/>
          </a:fontRef>
        </p:style>
        <p:txBody>
          <a:bodyPr rtlCol="0" anchor="ctr"/>
          <a:lstStyle/>
          <a:p>
            <a:pPr algn="ctr"/>
            <a:endParaRPr lang="en-US" sz="2400" dirty="0">
              <a:solidFill>
                <a:srgbClr val="002850"/>
              </a:solidFill>
            </a:endParaRPr>
          </a:p>
        </p:txBody>
      </p:sp>
      <p:sp>
        <p:nvSpPr>
          <p:cNvPr id="60" name="TextBox 59"/>
          <p:cNvSpPr txBox="1"/>
          <p:nvPr/>
        </p:nvSpPr>
        <p:spPr>
          <a:xfrm>
            <a:off x="1455269" y="4985193"/>
            <a:ext cx="7188044" cy="1159228"/>
          </a:xfrm>
          <a:prstGeom prst="rect">
            <a:avLst/>
          </a:prstGeom>
          <a:noFill/>
        </p:spPr>
        <p:txBody>
          <a:bodyPr wrap="square" rtlCol="0">
            <a:spAutoFit/>
          </a:bodyPr>
          <a:lstStyle/>
          <a:p>
            <a:r>
              <a:rPr lang="en-US" sz="5333" b="1" dirty="0">
                <a:solidFill>
                  <a:srgbClr val="002850"/>
                </a:solidFill>
              </a:rPr>
              <a:t>SDI </a:t>
            </a:r>
            <a:r>
              <a:rPr lang="en-US" sz="2400" b="1" dirty="0">
                <a:solidFill>
                  <a:srgbClr val="002850"/>
                </a:solidFill>
              </a:rPr>
              <a:t>(Social Determinants Index)</a:t>
            </a:r>
          </a:p>
          <a:p>
            <a:r>
              <a:rPr lang="en-US" sz="1600" b="1" dirty="0">
                <a:solidFill>
                  <a:srgbClr val="002850"/>
                </a:solidFill>
              </a:rPr>
              <a:t>Characterizes social determinants of health at a neighborhood level</a:t>
            </a:r>
          </a:p>
        </p:txBody>
      </p:sp>
      <p:sp>
        <p:nvSpPr>
          <p:cNvPr id="53" name="Rectangle 52"/>
          <p:cNvSpPr/>
          <p:nvPr/>
        </p:nvSpPr>
        <p:spPr>
          <a:xfrm>
            <a:off x="9380299" y="5733704"/>
            <a:ext cx="2498529" cy="991354"/>
          </a:xfrm>
          <a:prstGeom prst="rect">
            <a:avLst/>
          </a:prstGeom>
          <a:solidFill>
            <a:schemeClr val="bg1"/>
          </a:solidFill>
          <a:ln>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prstClr val="white"/>
              </a:solidFill>
            </a:endParaRPr>
          </a:p>
        </p:txBody>
      </p:sp>
      <p:graphicFrame>
        <p:nvGraphicFramePr>
          <p:cNvPr id="54" name="Chart 53"/>
          <p:cNvGraphicFramePr>
            <a:graphicFrameLocks/>
          </p:cNvGraphicFramePr>
          <p:nvPr/>
        </p:nvGraphicFramePr>
        <p:xfrm>
          <a:off x="4080159" y="1436665"/>
          <a:ext cx="3411061" cy="2719268"/>
        </p:xfrm>
        <a:graphic>
          <a:graphicData uri="http://schemas.openxmlformats.org/drawingml/2006/chart">
            <c:chart xmlns:c="http://schemas.openxmlformats.org/drawingml/2006/chart" xmlns:r="http://schemas.openxmlformats.org/officeDocument/2006/relationships" r:id="rId7"/>
          </a:graphicData>
        </a:graphic>
      </p:graphicFrame>
      <p:grpSp>
        <p:nvGrpSpPr>
          <p:cNvPr id="56" name="Group 55"/>
          <p:cNvGrpSpPr/>
          <p:nvPr/>
        </p:nvGrpSpPr>
        <p:grpSpPr>
          <a:xfrm>
            <a:off x="1513986" y="2224283"/>
            <a:ext cx="8456416" cy="420083"/>
            <a:chOff x="723768" y="2295143"/>
            <a:chExt cx="7370024" cy="366115"/>
          </a:xfrm>
        </p:grpSpPr>
        <p:sp>
          <p:nvSpPr>
            <p:cNvPr id="57" name="TextBox 56"/>
            <p:cNvSpPr txBox="1"/>
            <p:nvPr/>
          </p:nvSpPr>
          <p:spPr>
            <a:xfrm>
              <a:off x="5478090" y="2295143"/>
              <a:ext cx="2615702" cy="357313"/>
            </a:xfrm>
            <a:prstGeom prst="rect">
              <a:avLst/>
            </a:prstGeom>
            <a:noFill/>
          </p:spPr>
          <p:txBody>
            <a:bodyPr wrap="square" lIns="121792" tIns="60896" rIns="121792" bIns="60896" rtlCol="0" anchor="b">
              <a:spAutoFit/>
            </a:bodyPr>
            <a:lstStyle/>
            <a:p>
              <a:pPr algn="ctr"/>
              <a:r>
                <a:rPr lang="en-US" sz="1865" b="1" dirty="0">
                  <a:solidFill>
                    <a:srgbClr val="FF0000"/>
                  </a:solidFill>
                  <a:ea typeface="Cambria" panose="02040503050406030204" pitchFamily="18" charset="0"/>
                  <a:cs typeface="Arial" panose="020B0604020202020204" pitchFamily="34" charset="0"/>
                </a:rPr>
                <a:t>Very High - 15%</a:t>
              </a:r>
            </a:p>
          </p:txBody>
        </p:sp>
        <p:sp>
          <p:nvSpPr>
            <p:cNvPr id="58" name="TextBox 57"/>
            <p:cNvSpPr txBox="1"/>
            <p:nvPr/>
          </p:nvSpPr>
          <p:spPr>
            <a:xfrm>
              <a:off x="723768" y="2303945"/>
              <a:ext cx="2634030" cy="357313"/>
            </a:xfrm>
            <a:prstGeom prst="rect">
              <a:avLst/>
            </a:prstGeom>
            <a:noFill/>
          </p:spPr>
          <p:txBody>
            <a:bodyPr wrap="square" lIns="121792" tIns="60896" rIns="121792" bIns="60896" rtlCol="0" anchor="b">
              <a:spAutoFit/>
            </a:bodyPr>
            <a:lstStyle/>
            <a:p>
              <a:pPr algn="ctr"/>
              <a:r>
                <a:rPr lang="en-US" sz="1865" b="1" dirty="0">
                  <a:solidFill>
                    <a:srgbClr val="00B0F0"/>
                  </a:solidFill>
                  <a:ea typeface="Cambria" panose="02040503050406030204" pitchFamily="18" charset="0"/>
                  <a:cs typeface="Arial" panose="020B0604020202020204" pitchFamily="34" charset="0"/>
                </a:rPr>
                <a:t>Low - 39% </a:t>
              </a:r>
            </a:p>
          </p:txBody>
        </p:sp>
      </p:grpSp>
      <p:sp>
        <p:nvSpPr>
          <p:cNvPr id="61" name="TextBox 60"/>
          <p:cNvSpPr txBox="1"/>
          <p:nvPr/>
        </p:nvSpPr>
        <p:spPr>
          <a:xfrm>
            <a:off x="3064183" y="1147189"/>
            <a:ext cx="1914740" cy="409983"/>
          </a:xfrm>
          <a:prstGeom prst="rect">
            <a:avLst/>
          </a:prstGeom>
          <a:noFill/>
        </p:spPr>
        <p:txBody>
          <a:bodyPr wrap="square" lIns="121792" tIns="60896" rIns="121792" bIns="60896" rtlCol="0" anchor="b">
            <a:spAutoFit/>
          </a:bodyPr>
          <a:lstStyle/>
          <a:p>
            <a:pPr algn="r"/>
            <a:r>
              <a:rPr lang="en-US" sz="1865" b="1" dirty="0">
                <a:solidFill>
                  <a:srgbClr val="92D050"/>
                </a:solidFill>
                <a:ea typeface="Cambria" panose="02040503050406030204" pitchFamily="18" charset="0"/>
                <a:cs typeface="Arial" panose="020B0604020202020204" pitchFamily="34" charset="0"/>
              </a:rPr>
              <a:t>Medium</a:t>
            </a:r>
            <a:r>
              <a:rPr lang="en-US" sz="1865" b="1" dirty="0">
                <a:solidFill>
                  <a:srgbClr val="92D050"/>
                </a:solidFill>
                <a:latin typeface="Cambria" panose="02040503050406030204" pitchFamily="18" charset="0"/>
                <a:ea typeface="Cambria" panose="02040503050406030204" pitchFamily="18" charset="0"/>
                <a:cs typeface="Arial" panose="020B0604020202020204" pitchFamily="34" charset="0"/>
              </a:rPr>
              <a:t> - 26%</a:t>
            </a:r>
          </a:p>
        </p:txBody>
      </p:sp>
      <p:sp>
        <p:nvSpPr>
          <p:cNvPr id="62" name="TextBox 61"/>
          <p:cNvSpPr txBox="1"/>
          <p:nvPr/>
        </p:nvSpPr>
        <p:spPr>
          <a:xfrm>
            <a:off x="6660623" y="1147189"/>
            <a:ext cx="1493443" cy="409983"/>
          </a:xfrm>
          <a:prstGeom prst="rect">
            <a:avLst/>
          </a:prstGeom>
          <a:noFill/>
        </p:spPr>
        <p:txBody>
          <a:bodyPr wrap="square" lIns="121792" tIns="60896" rIns="121792" bIns="60896" rtlCol="0" anchor="b">
            <a:spAutoFit/>
          </a:bodyPr>
          <a:lstStyle/>
          <a:p>
            <a:pPr algn="ctr"/>
            <a:r>
              <a:rPr lang="en-US" sz="1865" b="1" dirty="0">
                <a:solidFill>
                  <a:srgbClr val="FFC000"/>
                </a:solidFill>
                <a:ea typeface="Cambria" panose="02040503050406030204" pitchFamily="18" charset="0"/>
                <a:cs typeface="Arial" panose="020B0604020202020204" pitchFamily="34" charset="0"/>
              </a:rPr>
              <a:t>High - 20%</a:t>
            </a:r>
          </a:p>
        </p:txBody>
      </p:sp>
      <p:sp>
        <p:nvSpPr>
          <p:cNvPr id="55" name="Title 1">
            <a:extLst>
              <a:ext uri="{FF2B5EF4-FFF2-40B4-BE49-F238E27FC236}">
                <a16:creationId xmlns:a16="http://schemas.microsoft.com/office/drawing/2014/main" id="{EB8578B0-B0F0-8543-AAD3-1A08E4B5A4B5}"/>
              </a:ext>
            </a:extLst>
          </p:cNvPr>
          <p:cNvSpPr txBox="1">
            <a:spLocks/>
          </p:cNvSpPr>
          <p:nvPr/>
        </p:nvSpPr>
        <p:spPr>
          <a:xfrm>
            <a:off x="498709" y="203285"/>
            <a:ext cx="5647100" cy="1188000"/>
          </a:xfrm>
          <a:prstGeom prst="rect">
            <a:avLst/>
          </a:prstGeom>
        </p:spPr>
        <p:txBody>
          <a:bodyPr/>
          <a:lstStyle>
            <a:lvl1pPr algn="l" defTabSz="914400" rtl="0" eaLnBrk="1" latinLnBrk="0" hangingPunct="1">
              <a:lnSpc>
                <a:spcPct val="100000"/>
              </a:lnSpc>
              <a:spcBef>
                <a:spcPct val="0"/>
              </a:spcBef>
              <a:buNone/>
              <a:defRPr sz="2800" b="1" kern="1200">
                <a:solidFill>
                  <a:schemeClr val="accent3"/>
                </a:solidFill>
                <a:latin typeface="+mj-lt"/>
                <a:ea typeface="+mj-ea"/>
                <a:cs typeface="+mj-cs"/>
              </a:defRPr>
            </a:lvl1pPr>
          </a:lstStyle>
          <a:p>
            <a:r>
              <a:rPr lang="en-US" dirty="0"/>
              <a:t>Social Determinants Index</a:t>
            </a:r>
          </a:p>
        </p:txBody>
      </p:sp>
      <p:sp>
        <p:nvSpPr>
          <p:cNvPr id="52" name="TextBox 51"/>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63" name="Picture 62"/>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
        <p:nvSpPr>
          <p:cNvPr id="64" name="TextBox 63"/>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Tree>
    <p:extLst>
      <p:ext uri="{BB962C8B-B14F-4D97-AF65-F5344CB8AC3E}">
        <p14:creationId xmlns:p14="http://schemas.microsoft.com/office/powerpoint/2010/main" val="144034536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1"/>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59"/>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43"/>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54"/>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56"/>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61"/>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6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9" grpId="0" animBg="1"/>
      <p:bldP spid="60" grpId="0"/>
      <p:bldGraphic spid="54" grpId="0">
        <p:bldAsOne/>
      </p:bldGraphic>
      <p:bldP spid="61" grpId="0"/>
      <p:bldP spid="62"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a:xfrm>
            <a:off x="1013968" y="2583040"/>
            <a:ext cx="10280291" cy="1820862"/>
          </a:xfrm>
        </p:spPr>
        <p:txBody>
          <a:bodyPr/>
          <a:lstStyle/>
          <a:p>
            <a:pPr algn="ctr"/>
            <a:r>
              <a:rPr lang="en-US" sz="4800" dirty="0"/>
              <a:t>Impact of Social </a:t>
            </a:r>
            <a:br>
              <a:rPr lang="en-US" sz="4800" dirty="0"/>
            </a:br>
            <a:r>
              <a:rPr lang="en-US" sz="4800" dirty="0"/>
              <a:t>Determinants of Health   </a:t>
            </a:r>
            <a:br>
              <a:rPr lang="en-US" sz="4800" dirty="0"/>
            </a:br>
            <a:endParaRPr lang="en-US" sz="4800" dirty="0"/>
          </a:p>
        </p:txBody>
      </p:sp>
      <p:sp>
        <p:nvSpPr>
          <p:cNvPr id="6" name="TextBox 5"/>
          <p:cNvSpPr txBox="1"/>
          <p:nvPr/>
        </p:nvSpPr>
        <p:spPr>
          <a:xfrm>
            <a:off x="4086036" y="6167277"/>
            <a:ext cx="3416608" cy="390272"/>
          </a:xfrm>
          <a:prstGeom prst="rect">
            <a:avLst/>
          </a:prstGeom>
          <a:solidFill>
            <a:schemeClr val="bg1"/>
          </a:solidFill>
        </p:spPr>
        <p:txBody>
          <a:bodyPr wrap="square" lIns="0" tIns="0" rIns="0" bIns="0" rtlCol="0">
            <a:spAutoFit/>
          </a:bodyPr>
          <a:lstStyle/>
          <a:p>
            <a:pPr algn="l"/>
            <a:endParaRPr lang="en-US" sz="1600" dirty="0" err="1"/>
          </a:p>
        </p:txBody>
      </p:sp>
      <p:sp>
        <p:nvSpPr>
          <p:cNvPr id="7" name="TextBox 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Tree>
    <p:extLst>
      <p:ext uri="{BB962C8B-B14F-4D97-AF65-F5344CB8AC3E}">
        <p14:creationId xmlns:p14="http://schemas.microsoft.com/office/powerpoint/2010/main" val="417453836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p:cNvSpPr>
            <a:spLocks noGrp="1"/>
          </p:cNvSpPr>
          <p:nvPr>
            <p:ph type="sldNum" sz="quarter" idx="12"/>
          </p:nvPr>
        </p:nvSpPr>
        <p:spPr/>
        <p:txBody>
          <a:bodyPr/>
          <a:lstStyle/>
          <a:p>
            <a:fld id="{90AB8E2D-927C-4F86-9CD7-CF7787D1878F}" type="slidenum">
              <a:rPr lang="en-US" altLang="en-US" smtClean="0"/>
              <a:pPr/>
              <a:t>8</a:t>
            </a:fld>
            <a:endParaRPr lang="en-US" altLang="en-US" dirty="0"/>
          </a:p>
        </p:txBody>
      </p:sp>
      <p:sp>
        <p:nvSpPr>
          <p:cNvPr id="7" name="TextBox 6"/>
          <p:cNvSpPr txBox="1"/>
          <p:nvPr/>
        </p:nvSpPr>
        <p:spPr>
          <a:xfrm>
            <a:off x="370773" y="971185"/>
            <a:ext cx="10328447" cy="1077218"/>
          </a:xfrm>
          <a:prstGeom prst="rect">
            <a:avLst/>
          </a:prstGeom>
          <a:noFill/>
        </p:spPr>
        <p:txBody>
          <a:bodyPr wrap="square" rtlCol="0">
            <a:spAutoFit/>
          </a:bodyPr>
          <a:lstStyle/>
          <a:p>
            <a:r>
              <a:rPr lang="en-US" sz="2000" b="1" dirty="0"/>
              <a:t>Customers living in areas of very high SDI have higher rates of chronic disease conditions compared to customers living in low SDI areas. </a:t>
            </a:r>
          </a:p>
          <a:p>
            <a:endParaRPr lang="en-US" sz="2400" b="1" dirty="0"/>
          </a:p>
        </p:txBody>
      </p:sp>
      <p:sp>
        <p:nvSpPr>
          <p:cNvPr id="9" name="Title 1"/>
          <p:cNvSpPr txBox="1">
            <a:spLocks/>
          </p:cNvSpPr>
          <p:nvPr/>
        </p:nvSpPr>
        <p:spPr>
          <a:xfrm>
            <a:off x="370773" y="-126868"/>
            <a:ext cx="10972800" cy="1143000"/>
          </a:xfrm>
          <a:prstGeom prst="rect">
            <a:avLst/>
          </a:prstGeom>
        </p:spPr>
        <p:txBody>
          <a:bodyPr vert="horz" lIns="91440" tIns="45720" rIns="91440" bIns="45720" rtlCol="0" anchor="ctr">
            <a:normAutofit/>
          </a:bodyPr>
          <a:lstStyle>
            <a:lvl1pPr algn="ctr" defTabSz="914400" rtl="0" eaLnBrk="1" latinLnBrk="0" hangingPunct="1">
              <a:spcBef>
                <a:spcPct val="0"/>
              </a:spcBef>
              <a:buNone/>
              <a:defRPr sz="4400" kern="1200">
                <a:solidFill>
                  <a:schemeClr val="tx1"/>
                </a:solidFill>
                <a:latin typeface="+mj-lt"/>
                <a:ea typeface="+mj-ea"/>
                <a:cs typeface="+mj-cs"/>
              </a:defRPr>
            </a:lvl1pPr>
          </a:lstStyle>
          <a:p>
            <a:pPr algn="l"/>
            <a:r>
              <a:rPr lang="en-US" sz="2400" b="1" dirty="0">
                <a:solidFill>
                  <a:schemeClr val="accent3"/>
                </a:solidFill>
                <a:cs typeface="Arial" panose="020B0604020202020204" pitchFamily="34" charset="0"/>
              </a:rPr>
              <a:t>Chronic Disease Condition Prevalence and SDI Categories </a:t>
            </a:r>
          </a:p>
        </p:txBody>
      </p:sp>
      <p:sp>
        <p:nvSpPr>
          <p:cNvPr id="2" name="Rectangle 1"/>
          <p:cNvSpPr/>
          <p:nvPr/>
        </p:nvSpPr>
        <p:spPr>
          <a:xfrm>
            <a:off x="807138" y="4162096"/>
            <a:ext cx="1816100" cy="461665"/>
          </a:xfrm>
          <a:prstGeom prst="rect">
            <a:avLst/>
          </a:prstGeom>
        </p:spPr>
        <p:txBody>
          <a:bodyPr wrap="square">
            <a:spAutoFit/>
          </a:bodyPr>
          <a:lstStyle/>
          <a:p>
            <a:pPr algn="ctr"/>
            <a:r>
              <a:rPr lang="en-US" sz="2400" b="1" dirty="0">
                <a:latin typeface="Arial" panose="020B0604020202020204" pitchFamily="34" charset="0"/>
                <a:cs typeface="Arial" panose="020B0604020202020204" pitchFamily="34" charset="0"/>
              </a:rPr>
              <a:t>Diabetes</a:t>
            </a:r>
          </a:p>
        </p:txBody>
      </p:sp>
      <p:sp>
        <p:nvSpPr>
          <p:cNvPr id="3" name="Rectangle 2"/>
          <p:cNvSpPr/>
          <p:nvPr/>
        </p:nvSpPr>
        <p:spPr>
          <a:xfrm>
            <a:off x="3482790" y="4162096"/>
            <a:ext cx="2151551" cy="461665"/>
          </a:xfrm>
          <a:prstGeom prst="rect">
            <a:avLst/>
          </a:prstGeom>
        </p:spPr>
        <p:txBody>
          <a:bodyPr wrap="none">
            <a:spAutoFit/>
          </a:bodyPr>
          <a:lstStyle/>
          <a:p>
            <a:pPr lvl="0" algn="ctr"/>
            <a:r>
              <a:rPr lang="en-US" sz="2400" b="1" dirty="0">
                <a:latin typeface="Arial" panose="020B0604020202020204" pitchFamily="34" charset="0"/>
                <a:cs typeface="Arial" panose="020B0604020202020204" pitchFamily="34" charset="0"/>
              </a:rPr>
              <a:t>Hypertension</a:t>
            </a:r>
          </a:p>
        </p:txBody>
      </p:sp>
      <p:sp>
        <p:nvSpPr>
          <p:cNvPr id="6" name="Rectangle 5"/>
          <p:cNvSpPr/>
          <p:nvPr/>
        </p:nvSpPr>
        <p:spPr>
          <a:xfrm>
            <a:off x="9507218" y="4162096"/>
            <a:ext cx="1861407" cy="1200329"/>
          </a:xfrm>
          <a:prstGeom prst="rect">
            <a:avLst/>
          </a:prstGeom>
        </p:spPr>
        <p:txBody>
          <a:bodyPr wrap="none">
            <a:spAutoFit/>
          </a:bodyPr>
          <a:lstStyle/>
          <a:p>
            <a:pPr lvl="0" algn="ctr"/>
            <a:r>
              <a:rPr lang="en-US" sz="2400" b="1" dirty="0">
                <a:latin typeface="Arial" panose="020B0604020202020204" pitchFamily="34" charset="0"/>
                <a:cs typeface="Arial" panose="020B0604020202020204" pitchFamily="34" charset="0"/>
              </a:rPr>
              <a:t>Depression</a:t>
            </a:r>
          </a:p>
          <a:p>
            <a:pPr lvl="0" algn="ctr"/>
            <a:r>
              <a:rPr lang="en-US" sz="2400" b="1" dirty="0">
                <a:latin typeface="Arial" panose="020B0604020202020204" pitchFamily="34" charset="0"/>
                <a:cs typeface="Arial" panose="020B0604020202020204" pitchFamily="34" charset="0"/>
              </a:rPr>
              <a:t>Anxiety</a:t>
            </a:r>
          </a:p>
          <a:p>
            <a:pPr lvl="0" algn="ctr"/>
            <a:r>
              <a:rPr lang="en-US" sz="2400" b="1" dirty="0">
                <a:latin typeface="Arial" panose="020B0604020202020204" pitchFamily="34" charset="0"/>
                <a:cs typeface="Arial" panose="020B0604020202020204" pitchFamily="34" charset="0"/>
              </a:rPr>
              <a:t>Bipolar</a:t>
            </a:r>
          </a:p>
        </p:txBody>
      </p:sp>
      <p:sp>
        <p:nvSpPr>
          <p:cNvPr id="8" name="Rectangle 7"/>
          <p:cNvSpPr/>
          <p:nvPr/>
        </p:nvSpPr>
        <p:spPr>
          <a:xfrm>
            <a:off x="6481808" y="4162096"/>
            <a:ext cx="1826141" cy="1200329"/>
          </a:xfrm>
          <a:prstGeom prst="rect">
            <a:avLst/>
          </a:prstGeom>
        </p:spPr>
        <p:txBody>
          <a:bodyPr wrap="none">
            <a:spAutoFit/>
          </a:bodyPr>
          <a:lstStyle/>
          <a:p>
            <a:pPr algn="ctr"/>
            <a:r>
              <a:rPr lang="en-US" sz="2400" b="1" dirty="0">
                <a:latin typeface="Arial" panose="020B0604020202020204" pitchFamily="34" charset="0"/>
                <a:cs typeface="Arial" panose="020B0604020202020204" pitchFamily="34" charset="0"/>
              </a:rPr>
              <a:t>Substance </a:t>
            </a:r>
          </a:p>
          <a:p>
            <a:pPr algn="ctr"/>
            <a:r>
              <a:rPr lang="en-US" sz="2400" b="1" dirty="0">
                <a:latin typeface="Arial" panose="020B0604020202020204" pitchFamily="34" charset="0"/>
                <a:cs typeface="Arial" panose="020B0604020202020204" pitchFamily="34" charset="0"/>
              </a:rPr>
              <a:t>Abuse </a:t>
            </a:r>
          </a:p>
          <a:p>
            <a:pPr algn="ctr"/>
            <a:r>
              <a:rPr lang="en-US" sz="2400" b="1" dirty="0">
                <a:latin typeface="Arial" panose="020B0604020202020204" pitchFamily="34" charset="0"/>
                <a:cs typeface="Arial" panose="020B0604020202020204" pitchFamily="34" charset="0"/>
              </a:rPr>
              <a:t>Disorder </a:t>
            </a:r>
          </a:p>
        </p:txBody>
      </p:sp>
      <p:sp>
        <p:nvSpPr>
          <p:cNvPr id="10" name="Folded Corner 9"/>
          <p:cNvSpPr/>
          <p:nvPr/>
        </p:nvSpPr>
        <p:spPr>
          <a:xfrm>
            <a:off x="892228" y="2493304"/>
            <a:ext cx="1645920" cy="1645920"/>
          </a:xfrm>
          <a:prstGeom prst="foldedCorner">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Folded Corner 10"/>
          <p:cNvSpPr/>
          <p:nvPr/>
        </p:nvSpPr>
        <p:spPr>
          <a:xfrm>
            <a:off x="3735605" y="2493304"/>
            <a:ext cx="1645920" cy="1645920"/>
          </a:xfrm>
          <a:prstGeom prst="foldedCorner">
            <a:avLst/>
          </a:prstGeom>
          <a:solidFill>
            <a:srgbClr val="E3520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Folded Corner 11"/>
          <p:cNvSpPr/>
          <p:nvPr/>
        </p:nvSpPr>
        <p:spPr>
          <a:xfrm>
            <a:off x="6571918" y="2493304"/>
            <a:ext cx="1645920" cy="1645920"/>
          </a:xfrm>
          <a:prstGeom prst="foldedCorner">
            <a:avLst/>
          </a:prstGeom>
          <a:solidFill>
            <a:srgbClr val="00206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Folded Corner 12"/>
          <p:cNvSpPr/>
          <p:nvPr/>
        </p:nvSpPr>
        <p:spPr>
          <a:xfrm>
            <a:off x="9614961" y="2493304"/>
            <a:ext cx="1645920" cy="1645920"/>
          </a:xfrm>
          <a:prstGeom prst="foldedCorner">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Oval 13"/>
          <p:cNvSpPr/>
          <p:nvPr/>
        </p:nvSpPr>
        <p:spPr>
          <a:xfrm>
            <a:off x="1989508" y="1892165"/>
            <a:ext cx="1097280" cy="1097280"/>
          </a:xfrm>
          <a:prstGeom prst="ellipse">
            <a:avLst/>
          </a:prstGeom>
          <a:solidFill>
            <a:srgbClr val="002060"/>
          </a:solidFill>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400" b="1" dirty="0">
                <a:latin typeface="Arial Narrow" panose="020B0606020202030204" pitchFamily="34" charset="0"/>
              </a:rPr>
              <a:t>1.8X</a:t>
            </a:r>
          </a:p>
        </p:txBody>
      </p:sp>
      <p:sp>
        <p:nvSpPr>
          <p:cNvPr id="15" name="Oval 14"/>
          <p:cNvSpPr/>
          <p:nvPr/>
        </p:nvSpPr>
        <p:spPr>
          <a:xfrm>
            <a:off x="4832885" y="1892165"/>
            <a:ext cx="1097280" cy="1097280"/>
          </a:xfrm>
          <a:prstGeom prst="ellipse">
            <a:avLst/>
          </a:prstGeom>
          <a:solidFill>
            <a:schemeClr val="accent6">
              <a:lumMod val="75000"/>
            </a:schemeClr>
          </a:solidFill>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400" b="1" dirty="0">
                <a:latin typeface="Arial Narrow" panose="020B0606020202030204" pitchFamily="34" charset="0"/>
              </a:rPr>
              <a:t>1.4X</a:t>
            </a:r>
          </a:p>
        </p:txBody>
      </p:sp>
      <p:sp>
        <p:nvSpPr>
          <p:cNvPr id="16" name="Oval 15"/>
          <p:cNvSpPr/>
          <p:nvPr/>
        </p:nvSpPr>
        <p:spPr>
          <a:xfrm>
            <a:off x="7669198" y="1892165"/>
            <a:ext cx="1097280" cy="1097280"/>
          </a:xfrm>
          <a:prstGeom prst="ellipse">
            <a:avLst/>
          </a:prstGeom>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400" b="1" dirty="0">
                <a:latin typeface="Arial Narrow" panose="020B0606020202030204" pitchFamily="34" charset="0"/>
              </a:rPr>
              <a:t>1.3X</a:t>
            </a:r>
          </a:p>
        </p:txBody>
      </p:sp>
      <p:sp>
        <p:nvSpPr>
          <p:cNvPr id="17" name="Oval 16"/>
          <p:cNvSpPr/>
          <p:nvPr/>
        </p:nvSpPr>
        <p:spPr>
          <a:xfrm>
            <a:off x="10712241" y="1892165"/>
            <a:ext cx="1097280" cy="1097280"/>
          </a:xfrm>
          <a:prstGeom prst="ellipse">
            <a:avLst/>
          </a:prstGeom>
          <a:solidFill>
            <a:srgbClr val="92D050"/>
          </a:solidFill>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400" b="1" dirty="0">
                <a:latin typeface="Arial Narrow" panose="020B0606020202030204" pitchFamily="34" charset="0"/>
              </a:rPr>
              <a:t>0.7X</a:t>
            </a:r>
          </a:p>
        </p:txBody>
      </p:sp>
      <p:sp>
        <p:nvSpPr>
          <p:cNvPr id="18" name="Freeform 364"/>
          <p:cNvSpPr>
            <a:spLocks noEditPoints="1"/>
          </p:cNvSpPr>
          <p:nvPr/>
        </p:nvSpPr>
        <p:spPr bwMode="auto">
          <a:xfrm>
            <a:off x="4118123" y="3052932"/>
            <a:ext cx="880884" cy="706439"/>
          </a:xfrm>
          <a:custGeom>
            <a:avLst/>
            <a:gdLst>
              <a:gd name="T0" fmla="*/ 127000 w 426"/>
              <a:gd name="T1" fmla="*/ 177271 h 345"/>
              <a:gd name="T2" fmla="*/ 117475 w 426"/>
              <a:gd name="T3" fmla="*/ 182563 h 345"/>
              <a:gd name="T4" fmla="*/ 109008 w 426"/>
              <a:gd name="T5" fmla="*/ 177271 h 345"/>
              <a:gd name="T6" fmla="*/ 49742 w 426"/>
              <a:gd name="T7" fmla="*/ 118534 h 345"/>
              <a:gd name="T8" fmla="*/ 200554 w 426"/>
              <a:gd name="T9" fmla="*/ 86254 h 345"/>
              <a:gd name="T10" fmla="*/ 212196 w 426"/>
              <a:gd name="T11" fmla="*/ 64559 h 345"/>
              <a:gd name="T12" fmla="*/ 206375 w 426"/>
              <a:gd name="T13" fmla="*/ 32279 h 345"/>
              <a:gd name="T14" fmla="*/ 198967 w 426"/>
              <a:gd name="T15" fmla="*/ 24342 h 345"/>
              <a:gd name="T16" fmla="*/ 169333 w 426"/>
              <a:gd name="T17" fmla="*/ 12171 h 345"/>
              <a:gd name="T18" fmla="*/ 145521 w 426"/>
              <a:gd name="T19" fmla="*/ 19579 h 345"/>
              <a:gd name="T20" fmla="*/ 126471 w 426"/>
              <a:gd name="T21" fmla="*/ 37042 h 345"/>
              <a:gd name="T22" fmla="*/ 122767 w 426"/>
              <a:gd name="T23" fmla="*/ 39688 h 345"/>
              <a:gd name="T24" fmla="*/ 115358 w 426"/>
              <a:gd name="T25" fmla="*/ 40746 h 345"/>
              <a:gd name="T26" fmla="*/ 109008 w 426"/>
              <a:gd name="T27" fmla="*/ 37042 h 345"/>
              <a:gd name="T28" fmla="*/ 83608 w 426"/>
              <a:gd name="T29" fmla="*/ 15875 h 345"/>
              <a:gd name="T30" fmla="*/ 58737 w 426"/>
              <a:gd name="T31" fmla="*/ 12700 h 345"/>
              <a:gd name="T32" fmla="*/ 35454 w 426"/>
              <a:gd name="T33" fmla="*/ 25929 h 345"/>
              <a:gd name="T34" fmla="*/ 23813 w 426"/>
              <a:gd name="T35" fmla="*/ 46567 h 345"/>
              <a:gd name="T36" fmla="*/ 27517 w 426"/>
              <a:gd name="T37" fmla="*/ 75671 h 345"/>
              <a:gd name="T38" fmla="*/ 13758 w 426"/>
              <a:gd name="T39" fmla="*/ 74084 h 345"/>
              <a:gd name="T40" fmla="*/ 12700 w 426"/>
              <a:gd name="T41" fmla="*/ 39688 h 345"/>
              <a:gd name="T42" fmla="*/ 28046 w 426"/>
              <a:gd name="T43" fmla="*/ 15875 h 345"/>
              <a:gd name="T44" fmla="*/ 41275 w 426"/>
              <a:gd name="T45" fmla="*/ 6350 h 345"/>
              <a:gd name="T46" fmla="*/ 61912 w 426"/>
              <a:gd name="T47" fmla="*/ 529 h 345"/>
              <a:gd name="T48" fmla="*/ 77788 w 426"/>
              <a:gd name="T49" fmla="*/ 1058 h 345"/>
              <a:gd name="T50" fmla="*/ 97367 w 426"/>
              <a:gd name="T51" fmla="*/ 8996 h 345"/>
              <a:gd name="T52" fmla="*/ 130175 w 426"/>
              <a:gd name="T53" fmla="*/ 15875 h 345"/>
              <a:gd name="T54" fmla="*/ 143404 w 426"/>
              <a:gd name="T55" fmla="*/ 6350 h 345"/>
              <a:gd name="T56" fmla="*/ 163513 w 426"/>
              <a:gd name="T57" fmla="*/ 529 h 345"/>
              <a:gd name="T58" fmla="*/ 180446 w 426"/>
              <a:gd name="T59" fmla="*/ 1058 h 345"/>
              <a:gd name="T60" fmla="*/ 200025 w 426"/>
              <a:gd name="T61" fmla="*/ 8996 h 345"/>
              <a:gd name="T62" fmla="*/ 209550 w 426"/>
              <a:gd name="T63" fmla="*/ 17463 h 345"/>
              <a:gd name="T64" fmla="*/ 221721 w 426"/>
              <a:gd name="T65" fmla="*/ 35454 h 345"/>
              <a:gd name="T66" fmla="*/ 225425 w 426"/>
              <a:gd name="T67" fmla="*/ 56621 h 345"/>
              <a:gd name="T68" fmla="*/ 221721 w 426"/>
              <a:gd name="T69" fmla="*/ 76729 h 345"/>
              <a:gd name="T70" fmla="*/ 209550 w 426"/>
              <a:gd name="T71" fmla="*/ 95250 h 345"/>
              <a:gd name="T72" fmla="*/ 101071 w 426"/>
              <a:gd name="T73" fmla="*/ 127000 h 345"/>
              <a:gd name="T74" fmla="*/ 118533 w 426"/>
              <a:gd name="T75" fmla="*/ 78846 h 345"/>
              <a:gd name="T76" fmla="*/ 128587 w 426"/>
              <a:gd name="T77" fmla="*/ 105304 h 345"/>
              <a:gd name="T78" fmla="*/ 156104 w 426"/>
              <a:gd name="T79" fmla="*/ 106892 h 345"/>
              <a:gd name="T80" fmla="*/ 161925 w 426"/>
              <a:gd name="T81" fmla="*/ 101071 h 345"/>
              <a:gd name="T82" fmla="*/ 158221 w 426"/>
              <a:gd name="T83" fmla="*/ 95250 h 345"/>
              <a:gd name="T84" fmla="*/ 123296 w 426"/>
              <a:gd name="T85" fmla="*/ 58208 h 345"/>
              <a:gd name="T86" fmla="*/ 117475 w 426"/>
              <a:gd name="T87" fmla="*/ 53446 h 345"/>
              <a:gd name="T88" fmla="*/ 112712 w 426"/>
              <a:gd name="T89" fmla="*/ 56621 h 345"/>
              <a:gd name="T90" fmla="*/ 85196 w 426"/>
              <a:gd name="T91" fmla="*/ 78317 h 345"/>
              <a:gd name="T92" fmla="*/ 76729 w 426"/>
              <a:gd name="T93" fmla="*/ 76200 h 345"/>
              <a:gd name="T94" fmla="*/ 6350 w 426"/>
              <a:gd name="T95" fmla="*/ 94192 h 345"/>
              <a:gd name="T96" fmla="*/ 0 w 426"/>
              <a:gd name="T97" fmla="*/ 100013 h 345"/>
              <a:gd name="T98" fmla="*/ 4233 w 426"/>
              <a:gd name="T99" fmla="*/ 105834 h 345"/>
              <a:gd name="T100" fmla="*/ 68263 w 426"/>
              <a:gd name="T101" fmla="*/ 105834 h 345"/>
              <a:gd name="T102" fmla="*/ 93663 w 426"/>
              <a:gd name="T103" fmla="*/ 124355 h 345"/>
              <a:gd name="T104" fmla="*/ 98954 w 426"/>
              <a:gd name="T105" fmla="*/ 127000 h 34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426" h="345">
                <a:moveTo>
                  <a:pt x="396" y="180"/>
                </a:moveTo>
                <a:lnTo>
                  <a:pt x="240" y="335"/>
                </a:lnTo>
                <a:lnTo>
                  <a:pt x="232" y="342"/>
                </a:lnTo>
                <a:lnTo>
                  <a:pt x="228" y="343"/>
                </a:lnTo>
                <a:lnTo>
                  <a:pt x="222" y="345"/>
                </a:lnTo>
                <a:lnTo>
                  <a:pt x="218" y="343"/>
                </a:lnTo>
                <a:lnTo>
                  <a:pt x="214" y="341"/>
                </a:lnTo>
                <a:lnTo>
                  <a:pt x="206" y="335"/>
                </a:lnTo>
                <a:lnTo>
                  <a:pt x="94" y="224"/>
                </a:lnTo>
                <a:lnTo>
                  <a:pt x="126" y="224"/>
                </a:lnTo>
                <a:lnTo>
                  <a:pt x="222" y="320"/>
                </a:lnTo>
                <a:lnTo>
                  <a:pt x="379" y="163"/>
                </a:lnTo>
                <a:lnTo>
                  <a:pt x="385" y="158"/>
                </a:lnTo>
                <a:lnTo>
                  <a:pt x="390" y="151"/>
                </a:lnTo>
                <a:lnTo>
                  <a:pt x="397" y="137"/>
                </a:lnTo>
                <a:lnTo>
                  <a:pt x="401" y="122"/>
                </a:lnTo>
                <a:lnTo>
                  <a:pt x="403" y="107"/>
                </a:lnTo>
                <a:lnTo>
                  <a:pt x="401" y="92"/>
                </a:lnTo>
                <a:lnTo>
                  <a:pt x="397" y="77"/>
                </a:lnTo>
                <a:lnTo>
                  <a:pt x="390" y="61"/>
                </a:lnTo>
                <a:lnTo>
                  <a:pt x="385" y="56"/>
                </a:lnTo>
                <a:lnTo>
                  <a:pt x="379" y="49"/>
                </a:lnTo>
                <a:lnTo>
                  <a:pt x="376" y="46"/>
                </a:lnTo>
                <a:lnTo>
                  <a:pt x="364" y="37"/>
                </a:lnTo>
                <a:lnTo>
                  <a:pt x="350" y="30"/>
                </a:lnTo>
                <a:lnTo>
                  <a:pt x="335" y="24"/>
                </a:lnTo>
                <a:lnTo>
                  <a:pt x="320" y="23"/>
                </a:lnTo>
                <a:lnTo>
                  <a:pt x="304" y="24"/>
                </a:lnTo>
                <a:lnTo>
                  <a:pt x="288" y="30"/>
                </a:lnTo>
                <a:lnTo>
                  <a:pt x="275" y="37"/>
                </a:lnTo>
                <a:lnTo>
                  <a:pt x="262" y="46"/>
                </a:lnTo>
                <a:lnTo>
                  <a:pt x="246" y="63"/>
                </a:lnTo>
                <a:lnTo>
                  <a:pt x="246" y="64"/>
                </a:lnTo>
                <a:lnTo>
                  <a:pt x="239" y="70"/>
                </a:lnTo>
                <a:lnTo>
                  <a:pt x="232" y="75"/>
                </a:lnTo>
                <a:lnTo>
                  <a:pt x="228" y="77"/>
                </a:lnTo>
                <a:lnTo>
                  <a:pt x="222" y="78"/>
                </a:lnTo>
                <a:lnTo>
                  <a:pt x="218" y="77"/>
                </a:lnTo>
                <a:lnTo>
                  <a:pt x="214" y="75"/>
                </a:lnTo>
                <a:lnTo>
                  <a:pt x="207" y="70"/>
                </a:lnTo>
                <a:lnTo>
                  <a:pt x="206" y="70"/>
                </a:lnTo>
                <a:lnTo>
                  <a:pt x="184" y="46"/>
                </a:lnTo>
                <a:lnTo>
                  <a:pt x="172" y="37"/>
                </a:lnTo>
                <a:lnTo>
                  <a:pt x="158" y="30"/>
                </a:lnTo>
                <a:lnTo>
                  <a:pt x="143" y="24"/>
                </a:lnTo>
                <a:lnTo>
                  <a:pt x="126" y="23"/>
                </a:lnTo>
                <a:lnTo>
                  <a:pt x="111" y="24"/>
                </a:lnTo>
                <a:lnTo>
                  <a:pt x="96" y="30"/>
                </a:lnTo>
                <a:lnTo>
                  <a:pt x="82" y="37"/>
                </a:lnTo>
                <a:lnTo>
                  <a:pt x="70" y="46"/>
                </a:lnTo>
                <a:lnTo>
                  <a:pt x="67" y="49"/>
                </a:lnTo>
                <a:lnTo>
                  <a:pt x="57" y="61"/>
                </a:lnTo>
                <a:lnTo>
                  <a:pt x="50" y="74"/>
                </a:lnTo>
                <a:lnTo>
                  <a:pt x="45" y="88"/>
                </a:lnTo>
                <a:lnTo>
                  <a:pt x="44" y="101"/>
                </a:lnTo>
                <a:lnTo>
                  <a:pt x="44" y="115"/>
                </a:lnTo>
                <a:lnTo>
                  <a:pt x="46" y="129"/>
                </a:lnTo>
                <a:lnTo>
                  <a:pt x="52" y="143"/>
                </a:lnTo>
                <a:lnTo>
                  <a:pt x="59" y="155"/>
                </a:lnTo>
                <a:lnTo>
                  <a:pt x="33" y="155"/>
                </a:lnTo>
                <a:lnTo>
                  <a:pt x="26" y="140"/>
                </a:lnTo>
                <a:lnTo>
                  <a:pt x="22" y="125"/>
                </a:lnTo>
                <a:lnTo>
                  <a:pt x="20" y="108"/>
                </a:lnTo>
                <a:lnTo>
                  <a:pt x="22" y="92"/>
                </a:lnTo>
                <a:lnTo>
                  <a:pt x="24" y="75"/>
                </a:lnTo>
                <a:lnTo>
                  <a:pt x="31" y="60"/>
                </a:lnTo>
                <a:lnTo>
                  <a:pt x="39" y="46"/>
                </a:lnTo>
                <a:lnTo>
                  <a:pt x="50" y="33"/>
                </a:lnTo>
                <a:lnTo>
                  <a:pt x="53" y="30"/>
                </a:lnTo>
                <a:lnTo>
                  <a:pt x="60" y="23"/>
                </a:lnTo>
                <a:lnTo>
                  <a:pt x="68" y="17"/>
                </a:lnTo>
                <a:lnTo>
                  <a:pt x="78" y="12"/>
                </a:lnTo>
                <a:lnTo>
                  <a:pt x="86" y="8"/>
                </a:lnTo>
                <a:lnTo>
                  <a:pt x="96" y="5"/>
                </a:lnTo>
                <a:lnTo>
                  <a:pt x="105" y="2"/>
                </a:lnTo>
                <a:lnTo>
                  <a:pt x="117" y="1"/>
                </a:lnTo>
                <a:lnTo>
                  <a:pt x="126" y="0"/>
                </a:lnTo>
                <a:lnTo>
                  <a:pt x="137" y="1"/>
                </a:lnTo>
                <a:lnTo>
                  <a:pt x="147" y="2"/>
                </a:lnTo>
                <a:lnTo>
                  <a:pt x="156" y="5"/>
                </a:lnTo>
                <a:lnTo>
                  <a:pt x="166" y="8"/>
                </a:lnTo>
                <a:lnTo>
                  <a:pt x="176" y="12"/>
                </a:lnTo>
                <a:lnTo>
                  <a:pt x="184" y="17"/>
                </a:lnTo>
                <a:lnTo>
                  <a:pt x="192" y="23"/>
                </a:lnTo>
                <a:lnTo>
                  <a:pt x="200" y="30"/>
                </a:lnTo>
                <a:lnTo>
                  <a:pt x="222" y="53"/>
                </a:lnTo>
                <a:lnTo>
                  <a:pt x="246" y="30"/>
                </a:lnTo>
                <a:lnTo>
                  <a:pt x="254" y="23"/>
                </a:lnTo>
                <a:lnTo>
                  <a:pt x="262" y="17"/>
                </a:lnTo>
                <a:lnTo>
                  <a:pt x="271" y="12"/>
                </a:lnTo>
                <a:lnTo>
                  <a:pt x="280" y="8"/>
                </a:lnTo>
                <a:lnTo>
                  <a:pt x="290" y="5"/>
                </a:lnTo>
                <a:lnTo>
                  <a:pt x="299" y="2"/>
                </a:lnTo>
                <a:lnTo>
                  <a:pt x="309" y="1"/>
                </a:lnTo>
                <a:lnTo>
                  <a:pt x="320" y="0"/>
                </a:lnTo>
                <a:lnTo>
                  <a:pt x="330" y="1"/>
                </a:lnTo>
                <a:lnTo>
                  <a:pt x="341" y="2"/>
                </a:lnTo>
                <a:lnTo>
                  <a:pt x="350" y="5"/>
                </a:lnTo>
                <a:lnTo>
                  <a:pt x="360" y="8"/>
                </a:lnTo>
                <a:lnTo>
                  <a:pt x="368" y="12"/>
                </a:lnTo>
                <a:lnTo>
                  <a:pt x="378" y="17"/>
                </a:lnTo>
                <a:lnTo>
                  <a:pt x="386" y="23"/>
                </a:lnTo>
                <a:lnTo>
                  <a:pt x="393" y="30"/>
                </a:lnTo>
                <a:lnTo>
                  <a:pt x="396" y="33"/>
                </a:lnTo>
                <a:lnTo>
                  <a:pt x="403" y="41"/>
                </a:lnTo>
                <a:lnTo>
                  <a:pt x="409" y="49"/>
                </a:lnTo>
                <a:lnTo>
                  <a:pt x="414" y="59"/>
                </a:lnTo>
                <a:lnTo>
                  <a:pt x="419" y="67"/>
                </a:lnTo>
                <a:lnTo>
                  <a:pt x="422" y="77"/>
                </a:lnTo>
                <a:lnTo>
                  <a:pt x="425" y="86"/>
                </a:lnTo>
                <a:lnTo>
                  <a:pt x="426" y="97"/>
                </a:lnTo>
                <a:lnTo>
                  <a:pt x="426" y="107"/>
                </a:lnTo>
                <a:lnTo>
                  <a:pt x="426" y="116"/>
                </a:lnTo>
                <a:lnTo>
                  <a:pt x="425" y="126"/>
                </a:lnTo>
                <a:lnTo>
                  <a:pt x="422" y="136"/>
                </a:lnTo>
                <a:lnTo>
                  <a:pt x="419" y="145"/>
                </a:lnTo>
                <a:lnTo>
                  <a:pt x="414" y="155"/>
                </a:lnTo>
                <a:lnTo>
                  <a:pt x="409" y="163"/>
                </a:lnTo>
                <a:lnTo>
                  <a:pt x="403" y="173"/>
                </a:lnTo>
                <a:lnTo>
                  <a:pt x="396" y="180"/>
                </a:lnTo>
                <a:close/>
                <a:moveTo>
                  <a:pt x="188" y="240"/>
                </a:moveTo>
                <a:lnTo>
                  <a:pt x="188" y="240"/>
                </a:lnTo>
                <a:lnTo>
                  <a:pt x="191" y="240"/>
                </a:lnTo>
                <a:lnTo>
                  <a:pt x="194" y="239"/>
                </a:lnTo>
                <a:lnTo>
                  <a:pt x="196" y="236"/>
                </a:lnTo>
                <a:lnTo>
                  <a:pt x="198" y="233"/>
                </a:lnTo>
                <a:lnTo>
                  <a:pt x="224" y="149"/>
                </a:lnTo>
                <a:lnTo>
                  <a:pt x="239" y="193"/>
                </a:lnTo>
                <a:lnTo>
                  <a:pt x="242" y="198"/>
                </a:lnTo>
                <a:lnTo>
                  <a:pt x="243" y="199"/>
                </a:lnTo>
                <a:lnTo>
                  <a:pt x="247" y="202"/>
                </a:lnTo>
                <a:lnTo>
                  <a:pt x="250" y="202"/>
                </a:lnTo>
                <a:lnTo>
                  <a:pt x="295" y="202"/>
                </a:lnTo>
                <a:lnTo>
                  <a:pt x="299" y="200"/>
                </a:lnTo>
                <a:lnTo>
                  <a:pt x="302" y="199"/>
                </a:lnTo>
                <a:lnTo>
                  <a:pt x="305" y="195"/>
                </a:lnTo>
                <a:lnTo>
                  <a:pt x="306" y="191"/>
                </a:lnTo>
                <a:lnTo>
                  <a:pt x="305" y="185"/>
                </a:lnTo>
                <a:lnTo>
                  <a:pt x="302" y="182"/>
                </a:lnTo>
                <a:lnTo>
                  <a:pt x="299" y="180"/>
                </a:lnTo>
                <a:lnTo>
                  <a:pt x="295" y="178"/>
                </a:lnTo>
                <a:lnTo>
                  <a:pt x="258" y="178"/>
                </a:lnTo>
                <a:lnTo>
                  <a:pt x="233" y="110"/>
                </a:lnTo>
                <a:lnTo>
                  <a:pt x="232" y="105"/>
                </a:lnTo>
                <a:lnTo>
                  <a:pt x="229" y="103"/>
                </a:lnTo>
                <a:lnTo>
                  <a:pt x="225" y="101"/>
                </a:lnTo>
                <a:lnTo>
                  <a:pt x="222" y="101"/>
                </a:lnTo>
                <a:lnTo>
                  <a:pt x="218" y="103"/>
                </a:lnTo>
                <a:lnTo>
                  <a:pt x="216" y="104"/>
                </a:lnTo>
                <a:lnTo>
                  <a:pt x="213" y="107"/>
                </a:lnTo>
                <a:lnTo>
                  <a:pt x="211" y="110"/>
                </a:lnTo>
                <a:lnTo>
                  <a:pt x="184" y="198"/>
                </a:lnTo>
                <a:lnTo>
                  <a:pt x="161" y="148"/>
                </a:lnTo>
                <a:lnTo>
                  <a:pt x="156" y="144"/>
                </a:lnTo>
                <a:lnTo>
                  <a:pt x="151" y="143"/>
                </a:lnTo>
                <a:lnTo>
                  <a:pt x="145" y="144"/>
                </a:lnTo>
                <a:lnTo>
                  <a:pt x="140" y="147"/>
                </a:lnTo>
                <a:lnTo>
                  <a:pt x="118" y="178"/>
                </a:lnTo>
                <a:lnTo>
                  <a:pt x="12" y="178"/>
                </a:lnTo>
                <a:lnTo>
                  <a:pt x="8" y="178"/>
                </a:lnTo>
                <a:lnTo>
                  <a:pt x="4" y="181"/>
                </a:lnTo>
                <a:lnTo>
                  <a:pt x="1" y="185"/>
                </a:lnTo>
                <a:lnTo>
                  <a:pt x="0" y="189"/>
                </a:lnTo>
                <a:lnTo>
                  <a:pt x="1" y="193"/>
                </a:lnTo>
                <a:lnTo>
                  <a:pt x="4" y="198"/>
                </a:lnTo>
                <a:lnTo>
                  <a:pt x="8" y="200"/>
                </a:lnTo>
                <a:lnTo>
                  <a:pt x="12" y="202"/>
                </a:lnTo>
                <a:lnTo>
                  <a:pt x="123" y="202"/>
                </a:lnTo>
                <a:lnTo>
                  <a:pt x="129" y="200"/>
                </a:lnTo>
                <a:lnTo>
                  <a:pt x="133" y="196"/>
                </a:lnTo>
                <a:lnTo>
                  <a:pt x="148" y="176"/>
                </a:lnTo>
                <a:lnTo>
                  <a:pt x="177" y="235"/>
                </a:lnTo>
                <a:lnTo>
                  <a:pt x="178" y="237"/>
                </a:lnTo>
                <a:lnTo>
                  <a:pt x="181" y="239"/>
                </a:lnTo>
                <a:lnTo>
                  <a:pt x="184" y="240"/>
                </a:lnTo>
                <a:lnTo>
                  <a:pt x="187" y="240"/>
                </a:lnTo>
                <a:lnTo>
                  <a:pt x="188" y="240"/>
                </a:lnTo>
                <a:close/>
              </a:path>
            </a:pathLst>
          </a:custGeom>
          <a:solidFill>
            <a:schemeClr val="bg1"/>
          </a:solidFill>
          <a:ln w="9525">
            <a:noFill/>
            <a:round/>
            <a:headEnd/>
            <a:tailEnd/>
          </a:ln>
        </p:spPr>
        <p:txBody>
          <a:bodyPr/>
          <a:lstStyle/>
          <a:p>
            <a:endParaRPr lang="en-US" dirty="0">
              <a:solidFill>
                <a:prstClr val="black"/>
              </a:solidFill>
            </a:endParaRPr>
          </a:p>
        </p:txBody>
      </p:sp>
      <p:sp>
        <p:nvSpPr>
          <p:cNvPr id="19" name="Freeform 257"/>
          <p:cNvSpPr>
            <a:spLocks noEditPoints="1"/>
          </p:cNvSpPr>
          <p:nvPr/>
        </p:nvSpPr>
        <p:spPr bwMode="auto">
          <a:xfrm>
            <a:off x="9999219" y="2898669"/>
            <a:ext cx="877403" cy="1014964"/>
          </a:xfrm>
          <a:custGeom>
            <a:avLst/>
            <a:gdLst>
              <a:gd name="T0" fmla="*/ 190500 w 372"/>
              <a:gd name="T1" fmla="*/ 237596 h 504"/>
              <a:gd name="T2" fmla="*/ 157163 w 372"/>
              <a:gd name="T3" fmla="*/ 259292 h 504"/>
              <a:gd name="T4" fmla="*/ 98954 w 372"/>
              <a:gd name="T5" fmla="*/ 266700 h 504"/>
              <a:gd name="T6" fmla="*/ 48683 w 372"/>
              <a:gd name="T7" fmla="*/ 261937 h 504"/>
              <a:gd name="T8" fmla="*/ 10054 w 372"/>
              <a:gd name="T9" fmla="*/ 241829 h 504"/>
              <a:gd name="T10" fmla="*/ 0 w 372"/>
              <a:gd name="T11" fmla="*/ 217487 h 504"/>
              <a:gd name="T12" fmla="*/ 10583 w 372"/>
              <a:gd name="T13" fmla="*/ 192088 h 504"/>
              <a:gd name="T14" fmla="*/ 61912 w 372"/>
              <a:gd name="T15" fmla="*/ 170921 h 504"/>
              <a:gd name="T16" fmla="*/ 26987 w 372"/>
              <a:gd name="T17" fmla="*/ 195263 h 504"/>
              <a:gd name="T18" fmla="*/ 12700 w 372"/>
              <a:gd name="T19" fmla="*/ 217487 h 504"/>
              <a:gd name="T20" fmla="*/ 24342 w 372"/>
              <a:gd name="T21" fmla="*/ 237596 h 504"/>
              <a:gd name="T22" fmla="*/ 83608 w 372"/>
              <a:gd name="T23" fmla="*/ 253471 h 504"/>
              <a:gd name="T24" fmla="*/ 156104 w 372"/>
              <a:gd name="T25" fmla="*/ 245533 h 504"/>
              <a:gd name="T26" fmla="*/ 182563 w 372"/>
              <a:gd name="T27" fmla="*/ 227012 h 504"/>
              <a:gd name="T28" fmla="*/ 182563 w 372"/>
              <a:gd name="T29" fmla="*/ 207962 h 504"/>
              <a:gd name="T30" fmla="*/ 144463 w 372"/>
              <a:gd name="T31" fmla="*/ 186267 h 504"/>
              <a:gd name="T32" fmla="*/ 168804 w 372"/>
              <a:gd name="T33" fmla="*/ 180446 h 504"/>
              <a:gd name="T34" fmla="*/ 194204 w 372"/>
              <a:gd name="T35" fmla="*/ 202671 h 504"/>
              <a:gd name="T36" fmla="*/ 155575 w 372"/>
              <a:gd name="T37" fmla="*/ 215900 h 504"/>
              <a:gd name="T38" fmla="*/ 122767 w 372"/>
              <a:gd name="T39" fmla="*/ 229129 h 504"/>
              <a:gd name="T40" fmla="*/ 64029 w 372"/>
              <a:gd name="T41" fmla="*/ 227542 h 504"/>
              <a:gd name="T42" fmla="*/ 41275 w 372"/>
              <a:gd name="T43" fmla="*/ 215900 h 504"/>
              <a:gd name="T44" fmla="*/ 61912 w 372"/>
              <a:gd name="T45" fmla="*/ 192617 h 504"/>
              <a:gd name="T46" fmla="*/ 33867 w 372"/>
              <a:gd name="T47" fmla="*/ 204258 h 504"/>
              <a:gd name="T48" fmla="*/ 30162 w 372"/>
              <a:gd name="T49" fmla="*/ 222250 h 504"/>
              <a:gd name="T50" fmla="*/ 61912 w 372"/>
              <a:gd name="T51" fmla="*/ 239712 h 504"/>
              <a:gd name="T52" fmla="*/ 123296 w 372"/>
              <a:gd name="T53" fmla="*/ 241829 h 504"/>
              <a:gd name="T54" fmla="*/ 165100 w 372"/>
              <a:gd name="T55" fmla="*/ 225425 h 504"/>
              <a:gd name="T56" fmla="*/ 165629 w 372"/>
              <a:gd name="T57" fmla="*/ 207962 h 504"/>
              <a:gd name="T58" fmla="*/ 134938 w 372"/>
              <a:gd name="T59" fmla="*/ 192617 h 504"/>
              <a:gd name="T60" fmla="*/ 155575 w 372"/>
              <a:gd name="T61" fmla="*/ 215371 h 504"/>
              <a:gd name="T62" fmla="*/ 75671 w 372"/>
              <a:gd name="T63" fmla="*/ 69850 h 504"/>
              <a:gd name="T64" fmla="*/ 56621 w 372"/>
              <a:gd name="T65" fmla="*/ 88371 h 504"/>
              <a:gd name="T66" fmla="*/ 58737 w 372"/>
              <a:gd name="T67" fmla="*/ 151342 h 504"/>
              <a:gd name="T68" fmla="*/ 74083 w 372"/>
              <a:gd name="T69" fmla="*/ 215371 h 504"/>
              <a:gd name="T70" fmla="*/ 75671 w 372"/>
              <a:gd name="T71" fmla="*/ 151342 h 504"/>
              <a:gd name="T72" fmla="*/ 68263 w 372"/>
              <a:gd name="T73" fmla="*/ 139700 h 504"/>
              <a:gd name="T74" fmla="*/ 71967 w 372"/>
              <a:gd name="T75" fmla="*/ 84667 h 504"/>
              <a:gd name="T76" fmla="*/ 116417 w 372"/>
              <a:gd name="T77" fmla="*/ 81492 h 504"/>
              <a:gd name="T78" fmla="*/ 128058 w 372"/>
              <a:gd name="T79" fmla="*/ 88371 h 504"/>
              <a:gd name="T80" fmla="*/ 128058 w 372"/>
              <a:gd name="T81" fmla="*/ 144463 h 504"/>
              <a:gd name="T82" fmla="*/ 116417 w 372"/>
              <a:gd name="T83" fmla="*/ 151871 h 504"/>
              <a:gd name="T84" fmla="*/ 126471 w 372"/>
              <a:gd name="T85" fmla="*/ 161925 h 504"/>
              <a:gd name="T86" fmla="*/ 140229 w 372"/>
              <a:gd name="T87" fmla="*/ 143933 h 504"/>
              <a:gd name="T88" fmla="*/ 136525 w 372"/>
              <a:gd name="T89" fmla="*/ 79904 h 504"/>
              <a:gd name="T90" fmla="*/ 116417 w 372"/>
              <a:gd name="T91" fmla="*/ 68792 h 504"/>
              <a:gd name="T92" fmla="*/ 118533 w 372"/>
              <a:gd name="T93" fmla="*/ 48683 h 504"/>
              <a:gd name="T94" fmla="*/ 93133 w 372"/>
              <a:gd name="T95" fmla="*/ 55562 h 504"/>
              <a:gd name="T96" fmla="*/ 70379 w 372"/>
              <a:gd name="T97" fmla="*/ 33867 h 504"/>
              <a:gd name="T98" fmla="*/ 78317 w 372"/>
              <a:gd name="T99" fmla="*/ 8467 h 504"/>
              <a:gd name="T100" fmla="*/ 103717 w 372"/>
              <a:gd name="T101" fmla="*/ 529 h 504"/>
              <a:gd name="T102" fmla="*/ 126471 w 372"/>
              <a:gd name="T103" fmla="*/ 22225 h 504"/>
              <a:gd name="T104" fmla="*/ 112712 w 372"/>
              <a:gd name="T105" fmla="*/ 22225 h 504"/>
              <a:gd name="T106" fmla="*/ 97896 w 372"/>
              <a:gd name="T107" fmla="*/ 12700 h 504"/>
              <a:gd name="T108" fmla="*/ 85725 w 372"/>
              <a:gd name="T109" fmla="*/ 19579 h 504"/>
              <a:gd name="T110" fmla="*/ 84138 w 372"/>
              <a:gd name="T111" fmla="*/ 33867 h 504"/>
              <a:gd name="T112" fmla="*/ 97896 w 372"/>
              <a:gd name="T113" fmla="*/ 43921 h 504"/>
              <a:gd name="T114" fmla="*/ 111125 w 372"/>
              <a:gd name="T115" fmla="*/ 37042 h 504"/>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0" t="0" r="r" b="b"/>
            <a:pathLst>
              <a:path w="372" h="504">
                <a:moveTo>
                  <a:pt x="372" y="411"/>
                </a:moveTo>
                <a:lnTo>
                  <a:pt x="372" y="411"/>
                </a:lnTo>
                <a:lnTo>
                  <a:pt x="372" y="420"/>
                </a:lnTo>
                <a:lnTo>
                  <a:pt x="370" y="431"/>
                </a:lnTo>
                <a:lnTo>
                  <a:pt x="365" y="441"/>
                </a:lnTo>
                <a:lnTo>
                  <a:pt x="360" y="449"/>
                </a:lnTo>
                <a:lnTo>
                  <a:pt x="353" y="457"/>
                </a:lnTo>
                <a:lnTo>
                  <a:pt x="345" y="466"/>
                </a:lnTo>
                <a:lnTo>
                  <a:pt x="335" y="473"/>
                </a:lnTo>
                <a:lnTo>
                  <a:pt x="323" y="479"/>
                </a:lnTo>
                <a:lnTo>
                  <a:pt x="310" y="485"/>
                </a:lnTo>
                <a:lnTo>
                  <a:pt x="297" y="490"/>
                </a:lnTo>
                <a:lnTo>
                  <a:pt x="282" y="495"/>
                </a:lnTo>
                <a:lnTo>
                  <a:pt x="265" y="497"/>
                </a:lnTo>
                <a:lnTo>
                  <a:pt x="247" y="500"/>
                </a:lnTo>
                <a:lnTo>
                  <a:pt x="228" y="503"/>
                </a:lnTo>
                <a:lnTo>
                  <a:pt x="207" y="504"/>
                </a:lnTo>
                <a:lnTo>
                  <a:pt x="187" y="504"/>
                </a:lnTo>
                <a:lnTo>
                  <a:pt x="165" y="504"/>
                </a:lnTo>
                <a:lnTo>
                  <a:pt x="144" y="503"/>
                </a:lnTo>
                <a:lnTo>
                  <a:pt x="126" y="500"/>
                </a:lnTo>
                <a:lnTo>
                  <a:pt x="108" y="497"/>
                </a:lnTo>
                <a:lnTo>
                  <a:pt x="92" y="495"/>
                </a:lnTo>
                <a:lnTo>
                  <a:pt x="75" y="490"/>
                </a:lnTo>
                <a:lnTo>
                  <a:pt x="62" y="485"/>
                </a:lnTo>
                <a:lnTo>
                  <a:pt x="49" y="479"/>
                </a:lnTo>
                <a:lnTo>
                  <a:pt x="38" y="473"/>
                </a:lnTo>
                <a:lnTo>
                  <a:pt x="29" y="466"/>
                </a:lnTo>
                <a:lnTo>
                  <a:pt x="19" y="457"/>
                </a:lnTo>
                <a:lnTo>
                  <a:pt x="12" y="449"/>
                </a:lnTo>
                <a:lnTo>
                  <a:pt x="7" y="441"/>
                </a:lnTo>
                <a:lnTo>
                  <a:pt x="2" y="431"/>
                </a:lnTo>
                <a:lnTo>
                  <a:pt x="1" y="420"/>
                </a:lnTo>
                <a:lnTo>
                  <a:pt x="0" y="411"/>
                </a:lnTo>
                <a:lnTo>
                  <a:pt x="1" y="401"/>
                </a:lnTo>
                <a:lnTo>
                  <a:pt x="2" y="393"/>
                </a:lnTo>
                <a:lnTo>
                  <a:pt x="5" y="385"/>
                </a:lnTo>
                <a:lnTo>
                  <a:pt x="9" y="376"/>
                </a:lnTo>
                <a:lnTo>
                  <a:pt x="15" y="369"/>
                </a:lnTo>
                <a:lnTo>
                  <a:pt x="20" y="363"/>
                </a:lnTo>
                <a:lnTo>
                  <a:pt x="27" y="357"/>
                </a:lnTo>
                <a:lnTo>
                  <a:pt x="34" y="352"/>
                </a:lnTo>
                <a:lnTo>
                  <a:pt x="52" y="342"/>
                </a:lnTo>
                <a:lnTo>
                  <a:pt x="71" y="334"/>
                </a:lnTo>
                <a:lnTo>
                  <a:pt x="93" y="327"/>
                </a:lnTo>
                <a:lnTo>
                  <a:pt x="117" y="323"/>
                </a:lnTo>
                <a:lnTo>
                  <a:pt x="117" y="346"/>
                </a:lnTo>
                <a:lnTo>
                  <a:pt x="97" y="350"/>
                </a:lnTo>
                <a:lnTo>
                  <a:pt x="79" y="356"/>
                </a:lnTo>
                <a:lnTo>
                  <a:pt x="64" y="363"/>
                </a:lnTo>
                <a:lnTo>
                  <a:pt x="51" y="369"/>
                </a:lnTo>
                <a:lnTo>
                  <a:pt x="40" y="378"/>
                </a:lnTo>
                <a:lnTo>
                  <a:pt x="31" y="387"/>
                </a:lnTo>
                <a:lnTo>
                  <a:pt x="29" y="393"/>
                </a:lnTo>
                <a:lnTo>
                  <a:pt x="26" y="398"/>
                </a:lnTo>
                <a:lnTo>
                  <a:pt x="24" y="404"/>
                </a:lnTo>
                <a:lnTo>
                  <a:pt x="24" y="411"/>
                </a:lnTo>
                <a:lnTo>
                  <a:pt x="24" y="419"/>
                </a:lnTo>
                <a:lnTo>
                  <a:pt x="27" y="429"/>
                </a:lnTo>
                <a:lnTo>
                  <a:pt x="33" y="435"/>
                </a:lnTo>
                <a:lnTo>
                  <a:pt x="38" y="442"/>
                </a:lnTo>
                <a:lnTo>
                  <a:pt x="46" y="449"/>
                </a:lnTo>
                <a:lnTo>
                  <a:pt x="56" y="455"/>
                </a:lnTo>
                <a:lnTo>
                  <a:pt x="66" y="460"/>
                </a:lnTo>
                <a:lnTo>
                  <a:pt x="77" y="464"/>
                </a:lnTo>
                <a:lnTo>
                  <a:pt x="101" y="471"/>
                </a:lnTo>
                <a:lnTo>
                  <a:pt x="129" y="477"/>
                </a:lnTo>
                <a:lnTo>
                  <a:pt x="158" y="479"/>
                </a:lnTo>
                <a:lnTo>
                  <a:pt x="187" y="479"/>
                </a:lnTo>
                <a:lnTo>
                  <a:pt x="214" y="479"/>
                </a:lnTo>
                <a:lnTo>
                  <a:pt x="243" y="477"/>
                </a:lnTo>
                <a:lnTo>
                  <a:pt x="271" y="471"/>
                </a:lnTo>
                <a:lnTo>
                  <a:pt x="295" y="464"/>
                </a:lnTo>
                <a:lnTo>
                  <a:pt x="306" y="460"/>
                </a:lnTo>
                <a:lnTo>
                  <a:pt x="317" y="455"/>
                </a:lnTo>
                <a:lnTo>
                  <a:pt x="326" y="449"/>
                </a:lnTo>
                <a:lnTo>
                  <a:pt x="334" y="442"/>
                </a:lnTo>
                <a:lnTo>
                  <a:pt x="341" y="435"/>
                </a:lnTo>
                <a:lnTo>
                  <a:pt x="345" y="429"/>
                </a:lnTo>
                <a:lnTo>
                  <a:pt x="348" y="419"/>
                </a:lnTo>
                <a:lnTo>
                  <a:pt x="349" y="411"/>
                </a:lnTo>
                <a:lnTo>
                  <a:pt x="348" y="404"/>
                </a:lnTo>
                <a:lnTo>
                  <a:pt x="346" y="398"/>
                </a:lnTo>
                <a:lnTo>
                  <a:pt x="345" y="393"/>
                </a:lnTo>
                <a:lnTo>
                  <a:pt x="341" y="387"/>
                </a:lnTo>
                <a:lnTo>
                  <a:pt x="332" y="378"/>
                </a:lnTo>
                <a:lnTo>
                  <a:pt x="320" y="369"/>
                </a:lnTo>
                <a:lnTo>
                  <a:pt x="306" y="363"/>
                </a:lnTo>
                <a:lnTo>
                  <a:pt x="291" y="356"/>
                </a:lnTo>
                <a:lnTo>
                  <a:pt x="273" y="352"/>
                </a:lnTo>
                <a:lnTo>
                  <a:pt x="255" y="347"/>
                </a:lnTo>
                <a:lnTo>
                  <a:pt x="255" y="323"/>
                </a:lnTo>
                <a:lnTo>
                  <a:pt x="277" y="327"/>
                </a:lnTo>
                <a:lnTo>
                  <a:pt x="298" y="334"/>
                </a:lnTo>
                <a:lnTo>
                  <a:pt x="319" y="341"/>
                </a:lnTo>
                <a:lnTo>
                  <a:pt x="337" y="350"/>
                </a:lnTo>
                <a:lnTo>
                  <a:pt x="343" y="356"/>
                </a:lnTo>
                <a:lnTo>
                  <a:pt x="352" y="363"/>
                </a:lnTo>
                <a:lnTo>
                  <a:pt x="357" y="369"/>
                </a:lnTo>
                <a:lnTo>
                  <a:pt x="363" y="376"/>
                </a:lnTo>
                <a:lnTo>
                  <a:pt x="367" y="383"/>
                </a:lnTo>
                <a:lnTo>
                  <a:pt x="370" y="391"/>
                </a:lnTo>
                <a:lnTo>
                  <a:pt x="372" y="401"/>
                </a:lnTo>
                <a:lnTo>
                  <a:pt x="372" y="411"/>
                </a:lnTo>
                <a:close/>
                <a:moveTo>
                  <a:pt x="294" y="408"/>
                </a:moveTo>
                <a:lnTo>
                  <a:pt x="294" y="408"/>
                </a:lnTo>
                <a:lnTo>
                  <a:pt x="293" y="412"/>
                </a:lnTo>
                <a:lnTo>
                  <a:pt x="287" y="416"/>
                </a:lnTo>
                <a:lnTo>
                  <a:pt x="279" y="420"/>
                </a:lnTo>
                <a:lnTo>
                  <a:pt x="266" y="426"/>
                </a:lnTo>
                <a:lnTo>
                  <a:pt x="251" y="430"/>
                </a:lnTo>
                <a:lnTo>
                  <a:pt x="232" y="433"/>
                </a:lnTo>
                <a:lnTo>
                  <a:pt x="211" y="435"/>
                </a:lnTo>
                <a:lnTo>
                  <a:pt x="187" y="437"/>
                </a:lnTo>
                <a:lnTo>
                  <a:pt x="162" y="435"/>
                </a:lnTo>
                <a:lnTo>
                  <a:pt x="140" y="433"/>
                </a:lnTo>
                <a:lnTo>
                  <a:pt x="121" y="430"/>
                </a:lnTo>
                <a:lnTo>
                  <a:pt x="106" y="426"/>
                </a:lnTo>
                <a:lnTo>
                  <a:pt x="95" y="420"/>
                </a:lnTo>
                <a:lnTo>
                  <a:pt x="85" y="416"/>
                </a:lnTo>
                <a:lnTo>
                  <a:pt x="79" y="412"/>
                </a:lnTo>
                <a:lnTo>
                  <a:pt x="78" y="408"/>
                </a:lnTo>
                <a:lnTo>
                  <a:pt x="79" y="407"/>
                </a:lnTo>
                <a:lnTo>
                  <a:pt x="81" y="404"/>
                </a:lnTo>
                <a:lnTo>
                  <a:pt x="88" y="400"/>
                </a:lnTo>
                <a:lnTo>
                  <a:pt x="100" y="394"/>
                </a:lnTo>
                <a:lnTo>
                  <a:pt x="117" y="389"/>
                </a:lnTo>
                <a:lnTo>
                  <a:pt x="117" y="364"/>
                </a:lnTo>
                <a:lnTo>
                  <a:pt x="103" y="367"/>
                </a:lnTo>
                <a:lnTo>
                  <a:pt x="92" y="371"/>
                </a:lnTo>
                <a:lnTo>
                  <a:pt x="81" y="375"/>
                </a:lnTo>
                <a:lnTo>
                  <a:pt x="73" y="380"/>
                </a:lnTo>
                <a:lnTo>
                  <a:pt x="64" y="386"/>
                </a:lnTo>
                <a:lnTo>
                  <a:pt x="59" y="393"/>
                </a:lnTo>
                <a:lnTo>
                  <a:pt x="56" y="401"/>
                </a:lnTo>
                <a:lnTo>
                  <a:pt x="55" y="408"/>
                </a:lnTo>
                <a:lnTo>
                  <a:pt x="55" y="415"/>
                </a:lnTo>
                <a:lnTo>
                  <a:pt x="57" y="420"/>
                </a:lnTo>
                <a:lnTo>
                  <a:pt x="62" y="426"/>
                </a:lnTo>
                <a:lnTo>
                  <a:pt x="66" y="431"/>
                </a:lnTo>
                <a:lnTo>
                  <a:pt x="73" y="437"/>
                </a:lnTo>
                <a:lnTo>
                  <a:pt x="79" y="441"/>
                </a:lnTo>
                <a:lnTo>
                  <a:pt x="96" y="448"/>
                </a:lnTo>
                <a:lnTo>
                  <a:pt x="117" y="453"/>
                </a:lnTo>
                <a:lnTo>
                  <a:pt x="139" y="457"/>
                </a:lnTo>
                <a:lnTo>
                  <a:pt x="162" y="460"/>
                </a:lnTo>
                <a:lnTo>
                  <a:pt x="187" y="460"/>
                </a:lnTo>
                <a:lnTo>
                  <a:pt x="210" y="460"/>
                </a:lnTo>
                <a:lnTo>
                  <a:pt x="233" y="457"/>
                </a:lnTo>
                <a:lnTo>
                  <a:pt x="255" y="453"/>
                </a:lnTo>
                <a:lnTo>
                  <a:pt x="276" y="448"/>
                </a:lnTo>
                <a:lnTo>
                  <a:pt x="293" y="441"/>
                </a:lnTo>
                <a:lnTo>
                  <a:pt x="301" y="437"/>
                </a:lnTo>
                <a:lnTo>
                  <a:pt x="306" y="431"/>
                </a:lnTo>
                <a:lnTo>
                  <a:pt x="312" y="426"/>
                </a:lnTo>
                <a:lnTo>
                  <a:pt x="315" y="420"/>
                </a:lnTo>
                <a:lnTo>
                  <a:pt x="317" y="415"/>
                </a:lnTo>
                <a:lnTo>
                  <a:pt x="319" y="408"/>
                </a:lnTo>
                <a:lnTo>
                  <a:pt x="317" y="401"/>
                </a:lnTo>
                <a:lnTo>
                  <a:pt x="313" y="393"/>
                </a:lnTo>
                <a:lnTo>
                  <a:pt x="308" y="386"/>
                </a:lnTo>
                <a:lnTo>
                  <a:pt x="301" y="380"/>
                </a:lnTo>
                <a:lnTo>
                  <a:pt x="291" y="375"/>
                </a:lnTo>
                <a:lnTo>
                  <a:pt x="280" y="371"/>
                </a:lnTo>
                <a:lnTo>
                  <a:pt x="268" y="367"/>
                </a:lnTo>
                <a:lnTo>
                  <a:pt x="255" y="364"/>
                </a:lnTo>
                <a:lnTo>
                  <a:pt x="255" y="389"/>
                </a:lnTo>
                <a:lnTo>
                  <a:pt x="272" y="394"/>
                </a:lnTo>
                <a:lnTo>
                  <a:pt x="284" y="398"/>
                </a:lnTo>
                <a:lnTo>
                  <a:pt x="291" y="404"/>
                </a:lnTo>
                <a:lnTo>
                  <a:pt x="294" y="407"/>
                </a:lnTo>
                <a:lnTo>
                  <a:pt x="294" y="408"/>
                </a:lnTo>
                <a:close/>
                <a:moveTo>
                  <a:pt x="220" y="130"/>
                </a:moveTo>
                <a:lnTo>
                  <a:pt x="152" y="130"/>
                </a:lnTo>
                <a:lnTo>
                  <a:pt x="143" y="132"/>
                </a:lnTo>
                <a:lnTo>
                  <a:pt x="134" y="134"/>
                </a:lnTo>
                <a:lnTo>
                  <a:pt x="126" y="138"/>
                </a:lnTo>
                <a:lnTo>
                  <a:pt x="119" y="144"/>
                </a:lnTo>
                <a:lnTo>
                  <a:pt x="114" y="151"/>
                </a:lnTo>
                <a:lnTo>
                  <a:pt x="110" y="158"/>
                </a:lnTo>
                <a:lnTo>
                  <a:pt x="107" y="167"/>
                </a:lnTo>
                <a:lnTo>
                  <a:pt x="106" y="176"/>
                </a:lnTo>
                <a:lnTo>
                  <a:pt x="106" y="264"/>
                </a:lnTo>
                <a:lnTo>
                  <a:pt x="107" y="272"/>
                </a:lnTo>
                <a:lnTo>
                  <a:pt x="108" y="279"/>
                </a:lnTo>
                <a:lnTo>
                  <a:pt x="111" y="286"/>
                </a:lnTo>
                <a:lnTo>
                  <a:pt x="115" y="292"/>
                </a:lnTo>
                <a:lnTo>
                  <a:pt x="121" y="298"/>
                </a:lnTo>
                <a:lnTo>
                  <a:pt x="126" y="302"/>
                </a:lnTo>
                <a:lnTo>
                  <a:pt x="133" y="306"/>
                </a:lnTo>
                <a:lnTo>
                  <a:pt x="140" y="309"/>
                </a:lnTo>
                <a:lnTo>
                  <a:pt x="140" y="407"/>
                </a:lnTo>
                <a:lnTo>
                  <a:pt x="162" y="407"/>
                </a:lnTo>
                <a:lnTo>
                  <a:pt x="162" y="287"/>
                </a:lnTo>
                <a:lnTo>
                  <a:pt x="152" y="287"/>
                </a:lnTo>
                <a:lnTo>
                  <a:pt x="148" y="287"/>
                </a:lnTo>
                <a:lnTo>
                  <a:pt x="143" y="286"/>
                </a:lnTo>
                <a:lnTo>
                  <a:pt x="139" y="283"/>
                </a:lnTo>
                <a:lnTo>
                  <a:pt x="136" y="280"/>
                </a:lnTo>
                <a:lnTo>
                  <a:pt x="133" y="277"/>
                </a:lnTo>
                <a:lnTo>
                  <a:pt x="130" y="273"/>
                </a:lnTo>
                <a:lnTo>
                  <a:pt x="129" y="269"/>
                </a:lnTo>
                <a:lnTo>
                  <a:pt x="129" y="264"/>
                </a:lnTo>
                <a:lnTo>
                  <a:pt x="129" y="176"/>
                </a:lnTo>
                <a:lnTo>
                  <a:pt x="129" y="171"/>
                </a:lnTo>
                <a:lnTo>
                  <a:pt x="130" y="167"/>
                </a:lnTo>
                <a:lnTo>
                  <a:pt x="133" y="163"/>
                </a:lnTo>
                <a:lnTo>
                  <a:pt x="136" y="160"/>
                </a:lnTo>
                <a:lnTo>
                  <a:pt x="139" y="156"/>
                </a:lnTo>
                <a:lnTo>
                  <a:pt x="143" y="155"/>
                </a:lnTo>
                <a:lnTo>
                  <a:pt x="148" y="154"/>
                </a:lnTo>
                <a:lnTo>
                  <a:pt x="152" y="154"/>
                </a:lnTo>
                <a:lnTo>
                  <a:pt x="220" y="154"/>
                </a:lnTo>
                <a:lnTo>
                  <a:pt x="224" y="154"/>
                </a:lnTo>
                <a:lnTo>
                  <a:pt x="228" y="155"/>
                </a:lnTo>
                <a:lnTo>
                  <a:pt x="232" y="156"/>
                </a:lnTo>
                <a:lnTo>
                  <a:pt x="236" y="160"/>
                </a:lnTo>
                <a:lnTo>
                  <a:pt x="239" y="163"/>
                </a:lnTo>
                <a:lnTo>
                  <a:pt x="242" y="167"/>
                </a:lnTo>
                <a:lnTo>
                  <a:pt x="243" y="171"/>
                </a:lnTo>
                <a:lnTo>
                  <a:pt x="243" y="176"/>
                </a:lnTo>
                <a:lnTo>
                  <a:pt x="243" y="264"/>
                </a:lnTo>
                <a:lnTo>
                  <a:pt x="243" y="269"/>
                </a:lnTo>
                <a:lnTo>
                  <a:pt x="242" y="273"/>
                </a:lnTo>
                <a:lnTo>
                  <a:pt x="239" y="277"/>
                </a:lnTo>
                <a:lnTo>
                  <a:pt x="236" y="280"/>
                </a:lnTo>
                <a:lnTo>
                  <a:pt x="232" y="283"/>
                </a:lnTo>
                <a:lnTo>
                  <a:pt x="228" y="286"/>
                </a:lnTo>
                <a:lnTo>
                  <a:pt x="224" y="287"/>
                </a:lnTo>
                <a:lnTo>
                  <a:pt x="220" y="287"/>
                </a:lnTo>
                <a:lnTo>
                  <a:pt x="209" y="287"/>
                </a:lnTo>
                <a:lnTo>
                  <a:pt x="209" y="407"/>
                </a:lnTo>
                <a:lnTo>
                  <a:pt x="232" y="407"/>
                </a:lnTo>
                <a:lnTo>
                  <a:pt x="232" y="309"/>
                </a:lnTo>
                <a:lnTo>
                  <a:pt x="239" y="306"/>
                </a:lnTo>
                <a:lnTo>
                  <a:pt x="246" y="302"/>
                </a:lnTo>
                <a:lnTo>
                  <a:pt x="251" y="298"/>
                </a:lnTo>
                <a:lnTo>
                  <a:pt x="255" y="292"/>
                </a:lnTo>
                <a:lnTo>
                  <a:pt x="260" y="286"/>
                </a:lnTo>
                <a:lnTo>
                  <a:pt x="264" y="279"/>
                </a:lnTo>
                <a:lnTo>
                  <a:pt x="265" y="272"/>
                </a:lnTo>
                <a:lnTo>
                  <a:pt x="265" y="264"/>
                </a:lnTo>
                <a:lnTo>
                  <a:pt x="265" y="176"/>
                </a:lnTo>
                <a:lnTo>
                  <a:pt x="265" y="167"/>
                </a:lnTo>
                <a:lnTo>
                  <a:pt x="262" y="158"/>
                </a:lnTo>
                <a:lnTo>
                  <a:pt x="258" y="151"/>
                </a:lnTo>
                <a:lnTo>
                  <a:pt x="253" y="144"/>
                </a:lnTo>
                <a:lnTo>
                  <a:pt x="246" y="138"/>
                </a:lnTo>
                <a:lnTo>
                  <a:pt x="238" y="134"/>
                </a:lnTo>
                <a:lnTo>
                  <a:pt x="229" y="132"/>
                </a:lnTo>
                <a:lnTo>
                  <a:pt x="220" y="130"/>
                </a:lnTo>
                <a:close/>
                <a:moveTo>
                  <a:pt x="239" y="53"/>
                </a:moveTo>
                <a:lnTo>
                  <a:pt x="239" y="53"/>
                </a:lnTo>
                <a:lnTo>
                  <a:pt x="239" y="64"/>
                </a:lnTo>
                <a:lnTo>
                  <a:pt x="235" y="74"/>
                </a:lnTo>
                <a:lnTo>
                  <a:pt x="231" y="83"/>
                </a:lnTo>
                <a:lnTo>
                  <a:pt x="224" y="92"/>
                </a:lnTo>
                <a:lnTo>
                  <a:pt x="216" y="97"/>
                </a:lnTo>
                <a:lnTo>
                  <a:pt x="207" y="103"/>
                </a:lnTo>
                <a:lnTo>
                  <a:pt x="196" y="105"/>
                </a:lnTo>
                <a:lnTo>
                  <a:pt x="185" y="107"/>
                </a:lnTo>
                <a:lnTo>
                  <a:pt x="176" y="105"/>
                </a:lnTo>
                <a:lnTo>
                  <a:pt x="165" y="103"/>
                </a:lnTo>
                <a:lnTo>
                  <a:pt x="156" y="97"/>
                </a:lnTo>
                <a:lnTo>
                  <a:pt x="148" y="92"/>
                </a:lnTo>
                <a:lnTo>
                  <a:pt x="141" y="83"/>
                </a:lnTo>
                <a:lnTo>
                  <a:pt x="137" y="74"/>
                </a:lnTo>
                <a:lnTo>
                  <a:pt x="133" y="64"/>
                </a:lnTo>
                <a:lnTo>
                  <a:pt x="132" y="53"/>
                </a:lnTo>
                <a:lnTo>
                  <a:pt x="133" y="42"/>
                </a:lnTo>
                <a:lnTo>
                  <a:pt x="137" y="33"/>
                </a:lnTo>
                <a:lnTo>
                  <a:pt x="141" y="23"/>
                </a:lnTo>
                <a:lnTo>
                  <a:pt x="148" y="16"/>
                </a:lnTo>
                <a:lnTo>
                  <a:pt x="156" y="9"/>
                </a:lnTo>
                <a:lnTo>
                  <a:pt x="165" y="4"/>
                </a:lnTo>
                <a:lnTo>
                  <a:pt x="176" y="1"/>
                </a:lnTo>
                <a:lnTo>
                  <a:pt x="185" y="0"/>
                </a:lnTo>
                <a:lnTo>
                  <a:pt x="196" y="1"/>
                </a:lnTo>
                <a:lnTo>
                  <a:pt x="207" y="4"/>
                </a:lnTo>
                <a:lnTo>
                  <a:pt x="216" y="9"/>
                </a:lnTo>
                <a:lnTo>
                  <a:pt x="224" y="16"/>
                </a:lnTo>
                <a:lnTo>
                  <a:pt x="231" y="23"/>
                </a:lnTo>
                <a:lnTo>
                  <a:pt x="235" y="33"/>
                </a:lnTo>
                <a:lnTo>
                  <a:pt x="239" y="42"/>
                </a:lnTo>
                <a:lnTo>
                  <a:pt x="239" y="53"/>
                </a:lnTo>
                <a:close/>
                <a:moveTo>
                  <a:pt x="216" y="53"/>
                </a:moveTo>
                <a:lnTo>
                  <a:pt x="216" y="53"/>
                </a:lnTo>
                <a:lnTo>
                  <a:pt x="214" y="48"/>
                </a:lnTo>
                <a:lnTo>
                  <a:pt x="213" y="42"/>
                </a:lnTo>
                <a:lnTo>
                  <a:pt x="210" y="37"/>
                </a:lnTo>
                <a:lnTo>
                  <a:pt x="207" y="33"/>
                </a:lnTo>
                <a:lnTo>
                  <a:pt x="202" y="28"/>
                </a:lnTo>
                <a:lnTo>
                  <a:pt x="198" y="26"/>
                </a:lnTo>
                <a:lnTo>
                  <a:pt x="192" y="24"/>
                </a:lnTo>
                <a:lnTo>
                  <a:pt x="185" y="24"/>
                </a:lnTo>
                <a:lnTo>
                  <a:pt x="180" y="24"/>
                </a:lnTo>
                <a:lnTo>
                  <a:pt x="174" y="26"/>
                </a:lnTo>
                <a:lnTo>
                  <a:pt x="169" y="28"/>
                </a:lnTo>
                <a:lnTo>
                  <a:pt x="165" y="33"/>
                </a:lnTo>
                <a:lnTo>
                  <a:pt x="162" y="37"/>
                </a:lnTo>
                <a:lnTo>
                  <a:pt x="159" y="42"/>
                </a:lnTo>
                <a:lnTo>
                  <a:pt x="156" y="48"/>
                </a:lnTo>
                <a:lnTo>
                  <a:pt x="156" y="53"/>
                </a:lnTo>
                <a:lnTo>
                  <a:pt x="156" y="59"/>
                </a:lnTo>
                <a:lnTo>
                  <a:pt x="159" y="64"/>
                </a:lnTo>
                <a:lnTo>
                  <a:pt x="162" y="70"/>
                </a:lnTo>
                <a:lnTo>
                  <a:pt x="165" y="74"/>
                </a:lnTo>
                <a:lnTo>
                  <a:pt x="169" y="78"/>
                </a:lnTo>
                <a:lnTo>
                  <a:pt x="174" y="81"/>
                </a:lnTo>
                <a:lnTo>
                  <a:pt x="180" y="82"/>
                </a:lnTo>
                <a:lnTo>
                  <a:pt x="185" y="83"/>
                </a:lnTo>
                <a:lnTo>
                  <a:pt x="192" y="82"/>
                </a:lnTo>
                <a:lnTo>
                  <a:pt x="198" y="81"/>
                </a:lnTo>
                <a:lnTo>
                  <a:pt x="202" y="78"/>
                </a:lnTo>
                <a:lnTo>
                  <a:pt x="207" y="74"/>
                </a:lnTo>
                <a:lnTo>
                  <a:pt x="210" y="70"/>
                </a:lnTo>
                <a:lnTo>
                  <a:pt x="213" y="64"/>
                </a:lnTo>
                <a:lnTo>
                  <a:pt x="214" y="59"/>
                </a:lnTo>
                <a:lnTo>
                  <a:pt x="216" y="53"/>
                </a:lnTo>
                <a:close/>
              </a:path>
            </a:pathLst>
          </a:custGeom>
          <a:solidFill>
            <a:schemeClr val="bg1"/>
          </a:solidFill>
          <a:ln w="9525">
            <a:noFill/>
            <a:round/>
            <a:headEnd/>
            <a:tailEnd/>
          </a:ln>
        </p:spPr>
        <p:txBody>
          <a:bodyPr lIns="22156" tIns="11078" rIns="22156" bIns="11078"/>
          <a:lstStyle/>
          <a:p>
            <a:pPr marL="0" marR="0" lvl="0" indent="0" defTabSz="544318" eaLnBrk="1" fontAlgn="auto" latinLnBrk="0" hangingPunct="1">
              <a:lnSpc>
                <a:spcPct val="100000"/>
              </a:lnSpc>
              <a:spcBef>
                <a:spcPts val="0"/>
              </a:spcBef>
              <a:spcAft>
                <a:spcPts val="0"/>
              </a:spcAft>
              <a:buClrTx/>
              <a:buSzTx/>
              <a:buFontTx/>
              <a:buNone/>
              <a:tabLst/>
              <a:defRPr/>
            </a:pPr>
            <a:endParaRPr kumimoji="0" lang="en-US" sz="2100" b="0" i="0" u="none" strike="noStrike" kern="0" cap="none" spc="0" normalizeH="0" baseline="0" noProof="0" dirty="0">
              <a:ln>
                <a:noFill/>
              </a:ln>
              <a:solidFill>
                <a:prstClr val="black"/>
              </a:solidFill>
              <a:effectLst/>
              <a:uLnTx/>
              <a:uFillTx/>
            </a:endParaRPr>
          </a:p>
        </p:txBody>
      </p:sp>
      <p:grpSp>
        <p:nvGrpSpPr>
          <p:cNvPr id="20" name="Group 110"/>
          <p:cNvGrpSpPr>
            <a:grpSpLocks/>
          </p:cNvGrpSpPr>
          <p:nvPr/>
        </p:nvGrpSpPr>
        <p:grpSpPr bwMode="auto">
          <a:xfrm>
            <a:off x="7046263" y="2749526"/>
            <a:ext cx="697229" cy="1133475"/>
            <a:chOff x="1797050" y="2103438"/>
            <a:chExt cx="581025" cy="1133475"/>
          </a:xfrm>
          <a:noFill/>
        </p:grpSpPr>
        <p:sp>
          <p:nvSpPr>
            <p:cNvPr id="21" name="Freeform 1"/>
            <p:cNvSpPr>
              <a:spLocks noChangeArrowheads="1"/>
            </p:cNvSpPr>
            <p:nvPr/>
          </p:nvSpPr>
          <p:spPr bwMode="auto">
            <a:xfrm>
              <a:off x="1797050" y="2463800"/>
              <a:ext cx="581025" cy="773113"/>
            </a:xfrm>
            <a:custGeom>
              <a:avLst/>
              <a:gdLst>
                <a:gd name="T0" fmla="*/ 376317 w 1615"/>
                <a:gd name="T1" fmla="*/ 225566 h 2149"/>
                <a:gd name="T2" fmla="*/ 376317 w 1615"/>
                <a:gd name="T3" fmla="*/ 387816 h 2149"/>
                <a:gd name="T4" fmla="*/ 574189 w 1615"/>
                <a:gd name="T5" fmla="*/ 709077 h 2149"/>
                <a:gd name="T6" fmla="*/ 574189 w 1615"/>
                <a:gd name="T7" fmla="*/ 709077 h 2149"/>
                <a:gd name="T8" fmla="*/ 577427 w 1615"/>
                <a:gd name="T9" fmla="*/ 721668 h 2149"/>
                <a:gd name="T10" fmla="*/ 580665 w 1615"/>
                <a:gd name="T11" fmla="*/ 734619 h 2149"/>
                <a:gd name="T12" fmla="*/ 577427 w 1615"/>
                <a:gd name="T13" fmla="*/ 743973 h 2149"/>
                <a:gd name="T14" fmla="*/ 574189 w 1615"/>
                <a:gd name="T15" fmla="*/ 753686 h 2149"/>
                <a:gd name="T16" fmla="*/ 567714 w 1615"/>
                <a:gd name="T17" fmla="*/ 763040 h 2149"/>
                <a:gd name="T18" fmla="*/ 558000 w 1615"/>
                <a:gd name="T19" fmla="*/ 769515 h 2149"/>
                <a:gd name="T20" fmla="*/ 545408 w 1615"/>
                <a:gd name="T21" fmla="*/ 772753 h 2149"/>
                <a:gd name="T22" fmla="*/ 532816 w 1615"/>
                <a:gd name="T23" fmla="*/ 772753 h 2149"/>
                <a:gd name="T24" fmla="*/ 48209 w 1615"/>
                <a:gd name="T25" fmla="*/ 772753 h 2149"/>
                <a:gd name="T26" fmla="*/ 48209 w 1615"/>
                <a:gd name="T27" fmla="*/ 772753 h 2149"/>
                <a:gd name="T28" fmla="*/ 35257 w 1615"/>
                <a:gd name="T29" fmla="*/ 772753 h 2149"/>
                <a:gd name="T30" fmla="*/ 22665 w 1615"/>
                <a:gd name="T31" fmla="*/ 769515 h 2149"/>
                <a:gd name="T32" fmla="*/ 12952 w 1615"/>
                <a:gd name="T33" fmla="*/ 763040 h 2149"/>
                <a:gd name="T34" fmla="*/ 6476 w 1615"/>
                <a:gd name="T35" fmla="*/ 753686 h 2149"/>
                <a:gd name="T36" fmla="*/ 3238 w 1615"/>
                <a:gd name="T37" fmla="*/ 743973 h 2149"/>
                <a:gd name="T38" fmla="*/ 0 w 1615"/>
                <a:gd name="T39" fmla="*/ 734619 h 2149"/>
                <a:gd name="T40" fmla="*/ 3238 w 1615"/>
                <a:gd name="T41" fmla="*/ 721668 h 2149"/>
                <a:gd name="T42" fmla="*/ 9714 w 1615"/>
                <a:gd name="T43" fmla="*/ 709077 h 2149"/>
                <a:gd name="T44" fmla="*/ 207586 w 1615"/>
                <a:gd name="T45" fmla="*/ 387816 h 2149"/>
                <a:gd name="T46" fmla="*/ 207586 w 1615"/>
                <a:gd name="T47" fmla="*/ 225566 h 2149"/>
                <a:gd name="T48" fmla="*/ 207586 w 1615"/>
                <a:gd name="T49" fmla="*/ 219091 h 2149"/>
                <a:gd name="T50" fmla="*/ 207586 w 1615"/>
                <a:gd name="T51" fmla="*/ 31658 h 2149"/>
                <a:gd name="T52" fmla="*/ 207586 w 1615"/>
                <a:gd name="T53" fmla="*/ 31658 h 2149"/>
                <a:gd name="T54" fmla="*/ 201110 w 1615"/>
                <a:gd name="T55" fmla="*/ 28421 h 2149"/>
                <a:gd name="T56" fmla="*/ 194634 w 1615"/>
                <a:gd name="T57" fmla="*/ 25183 h 2149"/>
                <a:gd name="T58" fmla="*/ 191756 w 1615"/>
                <a:gd name="T59" fmla="*/ 22305 h 2149"/>
                <a:gd name="T60" fmla="*/ 191756 w 1615"/>
                <a:gd name="T61" fmla="*/ 15829 h 2149"/>
                <a:gd name="T62" fmla="*/ 191756 w 1615"/>
                <a:gd name="T63" fmla="*/ 15829 h 2149"/>
                <a:gd name="T64" fmla="*/ 191756 w 1615"/>
                <a:gd name="T65" fmla="*/ 9354 h 2149"/>
                <a:gd name="T66" fmla="*/ 194634 w 1615"/>
                <a:gd name="T67" fmla="*/ 6116 h 2149"/>
                <a:gd name="T68" fmla="*/ 201110 w 1615"/>
                <a:gd name="T69" fmla="*/ 3238 h 2149"/>
                <a:gd name="T70" fmla="*/ 207586 w 1615"/>
                <a:gd name="T71" fmla="*/ 0 h 2149"/>
                <a:gd name="T72" fmla="*/ 376317 w 1615"/>
                <a:gd name="T73" fmla="*/ 0 h 2149"/>
                <a:gd name="T74" fmla="*/ 376317 w 1615"/>
                <a:gd name="T75" fmla="*/ 0 h 2149"/>
                <a:gd name="T76" fmla="*/ 379555 w 1615"/>
                <a:gd name="T77" fmla="*/ 3238 h 2149"/>
                <a:gd name="T78" fmla="*/ 386031 w 1615"/>
                <a:gd name="T79" fmla="*/ 6116 h 2149"/>
                <a:gd name="T80" fmla="*/ 388909 w 1615"/>
                <a:gd name="T81" fmla="*/ 9354 h 2149"/>
                <a:gd name="T82" fmla="*/ 388909 w 1615"/>
                <a:gd name="T83" fmla="*/ 15829 h 2149"/>
                <a:gd name="T84" fmla="*/ 388909 w 1615"/>
                <a:gd name="T85" fmla="*/ 15829 h 2149"/>
                <a:gd name="T86" fmla="*/ 388909 w 1615"/>
                <a:gd name="T87" fmla="*/ 22305 h 2149"/>
                <a:gd name="T88" fmla="*/ 386031 w 1615"/>
                <a:gd name="T89" fmla="*/ 25183 h 2149"/>
                <a:gd name="T90" fmla="*/ 379555 w 1615"/>
                <a:gd name="T91" fmla="*/ 28421 h 2149"/>
                <a:gd name="T92" fmla="*/ 376317 w 1615"/>
                <a:gd name="T93" fmla="*/ 31658 h 2149"/>
                <a:gd name="T94" fmla="*/ 376317 w 1615"/>
                <a:gd name="T95" fmla="*/ 219091 h 2149"/>
                <a:gd name="T96" fmla="*/ 376317 w 1615"/>
                <a:gd name="T97" fmla="*/ 225566 h 2149"/>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w 1615"/>
                <a:gd name="T148" fmla="*/ 0 h 2149"/>
                <a:gd name="T149" fmla="*/ 1615 w 1615"/>
                <a:gd name="T150" fmla="*/ 2149 h 2149"/>
              </a:gdLst>
              <a:ahLst/>
              <a:cxnLst>
                <a:cxn ang="T98">
                  <a:pos x="T0" y="T1"/>
                </a:cxn>
                <a:cxn ang="T99">
                  <a:pos x="T2" y="T3"/>
                </a:cxn>
                <a:cxn ang="T100">
                  <a:pos x="T4" y="T5"/>
                </a:cxn>
                <a:cxn ang="T101">
                  <a:pos x="T6" y="T7"/>
                </a:cxn>
                <a:cxn ang="T102">
                  <a:pos x="T8" y="T9"/>
                </a:cxn>
                <a:cxn ang="T103">
                  <a:pos x="T10" y="T11"/>
                </a:cxn>
                <a:cxn ang="T104">
                  <a:pos x="T12" y="T13"/>
                </a:cxn>
                <a:cxn ang="T105">
                  <a:pos x="T14" y="T15"/>
                </a:cxn>
                <a:cxn ang="T106">
                  <a:pos x="T16" y="T17"/>
                </a:cxn>
                <a:cxn ang="T107">
                  <a:pos x="T18" y="T19"/>
                </a:cxn>
                <a:cxn ang="T108">
                  <a:pos x="T20" y="T21"/>
                </a:cxn>
                <a:cxn ang="T109">
                  <a:pos x="T22" y="T23"/>
                </a:cxn>
                <a:cxn ang="T110">
                  <a:pos x="T24" y="T25"/>
                </a:cxn>
                <a:cxn ang="T111">
                  <a:pos x="T26" y="T27"/>
                </a:cxn>
                <a:cxn ang="T112">
                  <a:pos x="T28" y="T29"/>
                </a:cxn>
                <a:cxn ang="T113">
                  <a:pos x="T30" y="T31"/>
                </a:cxn>
                <a:cxn ang="T114">
                  <a:pos x="T32" y="T33"/>
                </a:cxn>
                <a:cxn ang="T115">
                  <a:pos x="T34" y="T35"/>
                </a:cxn>
                <a:cxn ang="T116">
                  <a:pos x="T36" y="T37"/>
                </a:cxn>
                <a:cxn ang="T117">
                  <a:pos x="T38" y="T39"/>
                </a:cxn>
                <a:cxn ang="T118">
                  <a:pos x="T40" y="T41"/>
                </a:cxn>
                <a:cxn ang="T119">
                  <a:pos x="T42" y="T43"/>
                </a:cxn>
                <a:cxn ang="T120">
                  <a:pos x="T44" y="T45"/>
                </a:cxn>
                <a:cxn ang="T121">
                  <a:pos x="T46" y="T47"/>
                </a:cxn>
                <a:cxn ang="T122">
                  <a:pos x="T48" y="T49"/>
                </a:cxn>
                <a:cxn ang="T123">
                  <a:pos x="T50" y="T51"/>
                </a:cxn>
                <a:cxn ang="T124">
                  <a:pos x="T52" y="T53"/>
                </a:cxn>
                <a:cxn ang="T125">
                  <a:pos x="T54" y="T55"/>
                </a:cxn>
                <a:cxn ang="T126">
                  <a:pos x="T56" y="T57"/>
                </a:cxn>
                <a:cxn ang="T127">
                  <a:pos x="T58" y="T59"/>
                </a:cxn>
                <a:cxn ang="T128">
                  <a:pos x="T60" y="T61"/>
                </a:cxn>
                <a:cxn ang="T129">
                  <a:pos x="T62" y="T63"/>
                </a:cxn>
                <a:cxn ang="T130">
                  <a:pos x="T64" y="T65"/>
                </a:cxn>
                <a:cxn ang="T131">
                  <a:pos x="T66" y="T67"/>
                </a:cxn>
                <a:cxn ang="T132">
                  <a:pos x="T68" y="T69"/>
                </a:cxn>
                <a:cxn ang="T133">
                  <a:pos x="T70" y="T71"/>
                </a:cxn>
                <a:cxn ang="T134">
                  <a:pos x="T72" y="T73"/>
                </a:cxn>
                <a:cxn ang="T135">
                  <a:pos x="T74" y="T75"/>
                </a:cxn>
                <a:cxn ang="T136">
                  <a:pos x="T76" y="T77"/>
                </a:cxn>
                <a:cxn ang="T137">
                  <a:pos x="T78" y="T79"/>
                </a:cxn>
                <a:cxn ang="T138">
                  <a:pos x="T80" y="T81"/>
                </a:cxn>
                <a:cxn ang="T139">
                  <a:pos x="T82" y="T83"/>
                </a:cxn>
                <a:cxn ang="T140">
                  <a:pos x="T84" y="T85"/>
                </a:cxn>
                <a:cxn ang="T141">
                  <a:pos x="T86" y="T87"/>
                </a:cxn>
                <a:cxn ang="T142">
                  <a:pos x="T88" y="T89"/>
                </a:cxn>
                <a:cxn ang="T143">
                  <a:pos x="T90" y="T91"/>
                </a:cxn>
                <a:cxn ang="T144">
                  <a:pos x="T92" y="T93"/>
                </a:cxn>
                <a:cxn ang="T145">
                  <a:pos x="T94" y="T95"/>
                </a:cxn>
                <a:cxn ang="T146">
                  <a:pos x="T96" y="T97"/>
                </a:cxn>
              </a:cxnLst>
              <a:rect l="T147" t="T148" r="T149" b="T150"/>
              <a:pathLst>
                <a:path w="1615" h="2149">
                  <a:moveTo>
                    <a:pt x="1046" y="627"/>
                  </a:moveTo>
                  <a:lnTo>
                    <a:pt x="1046" y="1078"/>
                  </a:lnTo>
                  <a:lnTo>
                    <a:pt x="1596" y="1971"/>
                  </a:lnTo>
                  <a:lnTo>
                    <a:pt x="1605" y="2006"/>
                  </a:lnTo>
                  <a:lnTo>
                    <a:pt x="1614" y="2042"/>
                  </a:lnTo>
                  <a:lnTo>
                    <a:pt x="1605" y="2068"/>
                  </a:lnTo>
                  <a:lnTo>
                    <a:pt x="1596" y="2095"/>
                  </a:lnTo>
                  <a:lnTo>
                    <a:pt x="1578" y="2121"/>
                  </a:lnTo>
                  <a:lnTo>
                    <a:pt x="1551" y="2139"/>
                  </a:lnTo>
                  <a:lnTo>
                    <a:pt x="1516" y="2148"/>
                  </a:lnTo>
                  <a:lnTo>
                    <a:pt x="1481" y="2148"/>
                  </a:lnTo>
                  <a:lnTo>
                    <a:pt x="134" y="2148"/>
                  </a:lnTo>
                  <a:lnTo>
                    <a:pt x="98" y="2148"/>
                  </a:lnTo>
                  <a:lnTo>
                    <a:pt x="63" y="2139"/>
                  </a:lnTo>
                  <a:lnTo>
                    <a:pt x="36" y="2121"/>
                  </a:lnTo>
                  <a:lnTo>
                    <a:pt x="18" y="2095"/>
                  </a:lnTo>
                  <a:lnTo>
                    <a:pt x="9" y="2068"/>
                  </a:lnTo>
                  <a:lnTo>
                    <a:pt x="0" y="2042"/>
                  </a:lnTo>
                  <a:lnTo>
                    <a:pt x="9" y="2006"/>
                  </a:lnTo>
                  <a:lnTo>
                    <a:pt x="27" y="1971"/>
                  </a:lnTo>
                  <a:lnTo>
                    <a:pt x="577" y="1078"/>
                  </a:lnTo>
                  <a:lnTo>
                    <a:pt x="577" y="627"/>
                  </a:lnTo>
                  <a:lnTo>
                    <a:pt x="577" y="609"/>
                  </a:lnTo>
                  <a:lnTo>
                    <a:pt x="577" y="88"/>
                  </a:lnTo>
                  <a:lnTo>
                    <a:pt x="559" y="79"/>
                  </a:lnTo>
                  <a:lnTo>
                    <a:pt x="541" y="70"/>
                  </a:lnTo>
                  <a:lnTo>
                    <a:pt x="533" y="62"/>
                  </a:lnTo>
                  <a:lnTo>
                    <a:pt x="533" y="44"/>
                  </a:lnTo>
                  <a:lnTo>
                    <a:pt x="533" y="26"/>
                  </a:lnTo>
                  <a:lnTo>
                    <a:pt x="541" y="17"/>
                  </a:lnTo>
                  <a:lnTo>
                    <a:pt x="559" y="9"/>
                  </a:lnTo>
                  <a:lnTo>
                    <a:pt x="577" y="0"/>
                  </a:lnTo>
                  <a:lnTo>
                    <a:pt x="1046" y="0"/>
                  </a:lnTo>
                  <a:lnTo>
                    <a:pt x="1055" y="9"/>
                  </a:lnTo>
                  <a:lnTo>
                    <a:pt x="1073" y="17"/>
                  </a:lnTo>
                  <a:lnTo>
                    <a:pt x="1081" y="26"/>
                  </a:lnTo>
                  <a:lnTo>
                    <a:pt x="1081" y="44"/>
                  </a:lnTo>
                  <a:lnTo>
                    <a:pt x="1081" y="62"/>
                  </a:lnTo>
                  <a:lnTo>
                    <a:pt x="1073" y="70"/>
                  </a:lnTo>
                  <a:lnTo>
                    <a:pt x="1055" y="79"/>
                  </a:lnTo>
                  <a:lnTo>
                    <a:pt x="1046" y="88"/>
                  </a:lnTo>
                  <a:lnTo>
                    <a:pt x="1046" y="609"/>
                  </a:lnTo>
                  <a:lnTo>
                    <a:pt x="1046" y="627"/>
                  </a:lnTo>
                </a:path>
              </a:pathLst>
            </a:custGeom>
            <a:grpFill/>
            <a:ln w="28575">
              <a:solidFill>
                <a:schemeClr val="bg1"/>
              </a:solidFill>
              <a:bevel/>
              <a:headEnd/>
              <a:tailEnd/>
            </a:ln>
          </p:spPr>
          <p:txBody>
            <a:bodyPr wrap="none" anchor="ctr"/>
            <a:lstStyle/>
            <a:p>
              <a:pPr defTabSz="457200" fontAlgn="base">
                <a:spcBef>
                  <a:spcPct val="0"/>
                </a:spcBef>
                <a:spcAft>
                  <a:spcPct val="0"/>
                </a:spcAft>
              </a:pPr>
              <a:endParaRPr lang="en-US" sz="2400" dirty="0">
                <a:solidFill>
                  <a:prstClr val="black"/>
                </a:solidFill>
                <a:latin typeface="Arial" charset="0"/>
                <a:cs typeface="Arial" charset="0"/>
              </a:endParaRPr>
            </a:p>
          </p:txBody>
        </p:sp>
        <p:sp>
          <p:nvSpPr>
            <p:cNvPr id="22" name="Freeform 2"/>
            <p:cNvSpPr>
              <a:spLocks noChangeArrowheads="1"/>
            </p:cNvSpPr>
            <p:nvPr/>
          </p:nvSpPr>
          <p:spPr bwMode="auto">
            <a:xfrm>
              <a:off x="1987550" y="2290763"/>
              <a:ext cx="98425" cy="95250"/>
            </a:xfrm>
            <a:custGeom>
              <a:avLst/>
              <a:gdLst>
                <a:gd name="T0" fmla="*/ 50465 w 275"/>
                <a:gd name="T1" fmla="*/ 94892 h 266"/>
                <a:gd name="T2" fmla="*/ 50465 w 275"/>
                <a:gd name="T3" fmla="*/ 94892 h 266"/>
                <a:gd name="T4" fmla="*/ 60129 w 275"/>
                <a:gd name="T5" fmla="*/ 94892 h 266"/>
                <a:gd name="T6" fmla="*/ 66571 w 275"/>
                <a:gd name="T7" fmla="*/ 92027 h 266"/>
                <a:gd name="T8" fmla="*/ 82319 w 275"/>
                <a:gd name="T9" fmla="*/ 82359 h 266"/>
                <a:gd name="T10" fmla="*/ 95204 w 275"/>
                <a:gd name="T11" fmla="*/ 66603 h 266"/>
                <a:gd name="T12" fmla="*/ 95204 w 275"/>
                <a:gd name="T13" fmla="*/ 56935 h 266"/>
                <a:gd name="T14" fmla="*/ 98067 w 275"/>
                <a:gd name="T15" fmla="*/ 47625 h 266"/>
                <a:gd name="T16" fmla="*/ 98067 w 275"/>
                <a:gd name="T17" fmla="*/ 47625 h 266"/>
                <a:gd name="T18" fmla="*/ 95204 w 275"/>
                <a:gd name="T19" fmla="*/ 37957 h 266"/>
                <a:gd name="T20" fmla="*/ 95204 w 275"/>
                <a:gd name="T21" fmla="*/ 28647 h 266"/>
                <a:gd name="T22" fmla="*/ 82319 w 275"/>
                <a:gd name="T23" fmla="*/ 12891 h 266"/>
                <a:gd name="T24" fmla="*/ 66571 w 275"/>
                <a:gd name="T25" fmla="*/ 3223 h 266"/>
                <a:gd name="T26" fmla="*/ 60129 w 275"/>
                <a:gd name="T27" fmla="*/ 0 h 266"/>
                <a:gd name="T28" fmla="*/ 50465 w 275"/>
                <a:gd name="T29" fmla="*/ 0 h 266"/>
                <a:gd name="T30" fmla="*/ 50465 w 275"/>
                <a:gd name="T31" fmla="*/ 0 h 266"/>
                <a:gd name="T32" fmla="*/ 41160 w 275"/>
                <a:gd name="T33" fmla="*/ 0 h 266"/>
                <a:gd name="T34" fmla="*/ 31496 w 275"/>
                <a:gd name="T35" fmla="*/ 3223 h 266"/>
                <a:gd name="T36" fmla="*/ 15748 w 275"/>
                <a:gd name="T37" fmla="*/ 12891 h 266"/>
                <a:gd name="T38" fmla="*/ 6084 w 275"/>
                <a:gd name="T39" fmla="*/ 28647 h 266"/>
                <a:gd name="T40" fmla="*/ 2863 w 275"/>
                <a:gd name="T41" fmla="*/ 37957 h 266"/>
                <a:gd name="T42" fmla="*/ 0 w 275"/>
                <a:gd name="T43" fmla="*/ 47625 h 266"/>
                <a:gd name="T44" fmla="*/ 0 w 275"/>
                <a:gd name="T45" fmla="*/ 47625 h 266"/>
                <a:gd name="T46" fmla="*/ 2863 w 275"/>
                <a:gd name="T47" fmla="*/ 56935 h 266"/>
                <a:gd name="T48" fmla="*/ 6084 w 275"/>
                <a:gd name="T49" fmla="*/ 66603 h 266"/>
                <a:gd name="T50" fmla="*/ 15748 w 275"/>
                <a:gd name="T51" fmla="*/ 82359 h 266"/>
                <a:gd name="T52" fmla="*/ 31496 w 275"/>
                <a:gd name="T53" fmla="*/ 92027 h 266"/>
                <a:gd name="T54" fmla="*/ 41160 w 275"/>
                <a:gd name="T55" fmla="*/ 94892 h 266"/>
                <a:gd name="T56" fmla="*/ 50465 w 275"/>
                <a:gd name="T57" fmla="*/ 94892 h 26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w 275"/>
                <a:gd name="T88" fmla="*/ 0 h 266"/>
                <a:gd name="T89" fmla="*/ 275 w 275"/>
                <a:gd name="T90" fmla="*/ 266 h 266"/>
              </a:gdLst>
              <a:ahLst/>
              <a:cxnLst>
                <a:cxn ang="T58">
                  <a:pos x="T0" y="T1"/>
                </a:cxn>
                <a:cxn ang="T59">
                  <a:pos x="T2" y="T3"/>
                </a:cxn>
                <a:cxn ang="T60">
                  <a:pos x="T4" y="T5"/>
                </a:cxn>
                <a:cxn ang="T61">
                  <a:pos x="T6" y="T7"/>
                </a:cxn>
                <a:cxn ang="T62">
                  <a:pos x="T8" y="T9"/>
                </a:cxn>
                <a:cxn ang="T63">
                  <a:pos x="T10" y="T11"/>
                </a:cxn>
                <a:cxn ang="T64">
                  <a:pos x="T12" y="T13"/>
                </a:cxn>
                <a:cxn ang="T65">
                  <a:pos x="T14" y="T15"/>
                </a:cxn>
                <a:cxn ang="T66">
                  <a:pos x="T16" y="T17"/>
                </a:cxn>
                <a:cxn ang="T67">
                  <a:pos x="T18" y="T19"/>
                </a:cxn>
                <a:cxn ang="T68">
                  <a:pos x="T20" y="T21"/>
                </a:cxn>
                <a:cxn ang="T69">
                  <a:pos x="T22" y="T23"/>
                </a:cxn>
                <a:cxn ang="T70">
                  <a:pos x="T24" y="T25"/>
                </a:cxn>
                <a:cxn ang="T71">
                  <a:pos x="T26" y="T27"/>
                </a:cxn>
                <a:cxn ang="T72">
                  <a:pos x="T28" y="T29"/>
                </a:cxn>
                <a:cxn ang="T73">
                  <a:pos x="T30" y="T31"/>
                </a:cxn>
                <a:cxn ang="T74">
                  <a:pos x="T32" y="T33"/>
                </a:cxn>
                <a:cxn ang="T75">
                  <a:pos x="T34" y="T35"/>
                </a:cxn>
                <a:cxn ang="T76">
                  <a:pos x="T36" y="T37"/>
                </a:cxn>
                <a:cxn ang="T77">
                  <a:pos x="T38" y="T39"/>
                </a:cxn>
                <a:cxn ang="T78">
                  <a:pos x="T40" y="T41"/>
                </a:cxn>
                <a:cxn ang="T79">
                  <a:pos x="T42" y="T43"/>
                </a:cxn>
                <a:cxn ang="T80">
                  <a:pos x="T44" y="T45"/>
                </a:cxn>
                <a:cxn ang="T81">
                  <a:pos x="T46" y="T47"/>
                </a:cxn>
                <a:cxn ang="T82">
                  <a:pos x="T48" y="T49"/>
                </a:cxn>
                <a:cxn ang="T83">
                  <a:pos x="T50" y="T51"/>
                </a:cxn>
                <a:cxn ang="T84">
                  <a:pos x="T52" y="T53"/>
                </a:cxn>
                <a:cxn ang="T85">
                  <a:pos x="T54" y="T55"/>
                </a:cxn>
                <a:cxn ang="T86">
                  <a:pos x="T56" y="T57"/>
                </a:cxn>
              </a:cxnLst>
              <a:rect l="T87" t="T88" r="T89" b="T90"/>
              <a:pathLst>
                <a:path w="275" h="266">
                  <a:moveTo>
                    <a:pt x="141" y="265"/>
                  </a:moveTo>
                  <a:lnTo>
                    <a:pt x="141" y="265"/>
                  </a:lnTo>
                  <a:lnTo>
                    <a:pt x="168" y="265"/>
                  </a:lnTo>
                  <a:lnTo>
                    <a:pt x="186" y="257"/>
                  </a:lnTo>
                  <a:lnTo>
                    <a:pt x="230" y="230"/>
                  </a:lnTo>
                  <a:lnTo>
                    <a:pt x="266" y="186"/>
                  </a:lnTo>
                  <a:lnTo>
                    <a:pt x="266" y="159"/>
                  </a:lnTo>
                  <a:lnTo>
                    <a:pt x="274" y="133"/>
                  </a:lnTo>
                  <a:lnTo>
                    <a:pt x="266" y="106"/>
                  </a:lnTo>
                  <a:lnTo>
                    <a:pt x="266" y="80"/>
                  </a:lnTo>
                  <a:lnTo>
                    <a:pt x="230" y="36"/>
                  </a:lnTo>
                  <a:lnTo>
                    <a:pt x="186" y="9"/>
                  </a:lnTo>
                  <a:lnTo>
                    <a:pt x="168" y="0"/>
                  </a:lnTo>
                  <a:lnTo>
                    <a:pt x="141" y="0"/>
                  </a:lnTo>
                  <a:lnTo>
                    <a:pt x="115" y="0"/>
                  </a:lnTo>
                  <a:lnTo>
                    <a:pt x="88" y="9"/>
                  </a:lnTo>
                  <a:lnTo>
                    <a:pt x="44" y="36"/>
                  </a:lnTo>
                  <a:lnTo>
                    <a:pt x="17" y="80"/>
                  </a:lnTo>
                  <a:lnTo>
                    <a:pt x="8" y="106"/>
                  </a:lnTo>
                  <a:lnTo>
                    <a:pt x="0" y="133"/>
                  </a:lnTo>
                  <a:lnTo>
                    <a:pt x="8" y="159"/>
                  </a:lnTo>
                  <a:lnTo>
                    <a:pt x="17" y="186"/>
                  </a:lnTo>
                  <a:lnTo>
                    <a:pt x="44" y="230"/>
                  </a:lnTo>
                  <a:lnTo>
                    <a:pt x="88" y="257"/>
                  </a:lnTo>
                  <a:lnTo>
                    <a:pt x="115" y="265"/>
                  </a:lnTo>
                  <a:lnTo>
                    <a:pt x="141" y="265"/>
                  </a:lnTo>
                </a:path>
              </a:pathLst>
            </a:custGeom>
            <a:grpFill/>
            <a:ln w="28575">
              <a:solidFill>
                <a:schemeClr val="bg1"/>
              </a:solidFill>
              <a:bevel/>
              <a:headEnd/>
              <a:tailEnd/>
            </a:ln>
          </p:spPr>
          <p:txBody>
            <a:bodyPr wrap="none" anchor="ctr"/>
            <a:lstStyle/>
            <a:p>
              <a:pPr defTabSz="457200" fontAlgn="base">
                <a:spcBef>
                  <a:spcPct val="0"/>
                </a:spcBef>
                <a:spcAft>
                  <a:spcPct val="0"/>
                </a:spcAft>
              </a:pPr>
              <a:endParaRPr lang="en-US" sz="2400" dirty="0">
                <a:solidFill>
                  <a:prstClr val="black"/>
                </a:solidFill>
                <a:latin typeface="Arial" charset="0"/>
                <a:cs typeface="Arial" charset="0"/>
              </a:endParaRPr>
            </a:p>
          </p:txBody>
        </p:sp>
        <p:sp>
          <p:nvSpPr>
            <p:cNvPr id="23" name="Freeform 3"/>
            <p:cNvSpPr>
              <a:spLocks noChangeArrowheads="1"/>
            </p:cNvSpPr>
            <p:nvPr/>
          </p:nvSpPr>
          <p:spPr bwMode="auto">
            <a:xfrm>
              <a:off x="2087563" y="2103438"/>
              <a:ext cx="141287" cy="139700"/>
            </a:xfrm>
            <a:custGeom>
              <a:avLst/>
              <a:gdLst>
                <a:gd name="T0" fmla="*/ 70463 w 391"/>
                <a:gd name="T1" fmla="*/ 139342 h 390"/>
                <a:gd name="T2" fmla="*/ 70463 w 391"/>
                <a:gd name="T3" fmla="*/ 139342 h 390"/>
                <a:gd name="T4" fmla="*/ 86362 w 391"/>
                <a:gd name="T5" fmla="*/ 139342 h 390"/>
                <a:gd name="T6" fmla="*/ 99009 w 391"/>
                <a:gd name="T7" fmla="*/ 136476 h 390"/>
                <a:gd name="T8" fmla="*/ 112018 w 391"/>
                <a:gd name="T9" fmla="*/ 130028 h 390"/>
                <a:gd name="T10" fmla="*/ 121774 w 391"/>
                <a:gd name="T11" fmla="*/ 120357 h 390"/>
                <a:gd name="T12" fmla="*/ 131169 w 391"/>
                <a:gd name="T13" fmla="*/ 111044 h 390"/>
                <a:gd name="T14" fmla="*/ 137674 w 391"/>
                <a:gd name="T15" fmla="*/ 98506 h 390"/>
                <a:gd name="T16" fmla="*/ 140926 w 391"/>
                <a:gd name="T17" fmla="*/ 85611 h 390"/>
                <a:gd name="T18" fmla="*/ 140926 w 391"/>
                <a:gd name="T19" fmla="*/ 69850 h 390"/>
                <a:gd name="T20" fmla="*/ 140926 w 391"/>
                <a:gd name="T21" fmla="*/ 69850 h 390"/>
                <a:gd name="T22" fmla="*/ 140926 w 391"/>
                <a:gd name="T23" fmla="*/ 57313 h 390"/>
                <a:gd name="T24" fmla="*/ 137674 w 391"/>
                <a:gd name="T25" fmla="*/ 44417 h 390"/>
                <a:gd name="T26" fmla="*/ 131169 w 391"/>
                <a:gd name="T27" fmla="*/ 31880 h 390"/>
                <a:gd name="T28" fmla="*/ 121774 w 391"/>
                <a:gd name="T29" fmla="*/ 22209 h 390"/>
                <a:gd name="T30" fmla="*/ 112018 w 391"/>
                <a:gd name="T31" fmla="*/ 12895 h 390"/>
                <a:gd name="T32" fmla="*/ 99009 w 391"/>
                <a:gd name="T33" fmla="*/ 6448 h 390"/>
                <a:gd name="T34" fmla="*/ 86362 w 391"/>
                <a:gd name="T35" fmla="*/ 3224 h 390"/>
                <a:gd name="T36" fmla="*/ 70463 w 391"/>
                <a:gd name="T37" fmla="*/ 0 h 390"/>
                <a:gd name="T38" fmla="*/ 70463 w 391"/>
                <a:gd name="T39" fmla="*/ 0 h 390"/>
                <a:gd name="T40" fmla="*/ 57454 w 391"/>
                <a:gd name="T41" fmla="*/ 3224 h 390"/>
                <a:gd name="T42" fmla="*/ 44807 w 391"/>
                <a:gd name="T43" fmla="*/ 6448 h 390"/>
                <a:gd name="T44" fmla="*/ 31799 w 391"/>
                <a:gd name="T45" fmla="*/ 12895 h 390"/>
                <a:gd name="T46" fmla="*/ 22404 w 391"/>
                <a:gd name="T47" fmla="*/ 22209 h 390"/>
                <a:gd name="T48" fmla="*/ 12647 w 391"/>
                <a:gd name="T49" fmla="*/ 31880 h 390"/>
                <a:gd name="T50" fmla="*/ 6143 w 391"/>
                <a:gd name="T51" fmla="*/ 44417 h 390"/>
                <a:gd name="T52" fmla="*/ 2891 w 391"/>
                <a:gd name="T53" fmla="*/ 57313 h 390"/>
                <a:gd name="T54" fmla="*/ 0 w 391"/>
                <a:gd name="T55" fmla="*/ 69850 h 390"/>
                <a:gd name="T56" fmla="*/ 0 w 391"/>
                <a:gd name="T57" fmla="*/ 69850 h 390"/>
                <a:gd name="T58" fmla="*/ 2891 w 391"/>
                <a:gd name="T59" fmla="*/ 85611 h 390"/>
                <a:gd name="T60" fmla="*/ 6143 w 391"/>
                <a:gd name="T61" fmla="*/ 98506 h 390"/>
                <a:gd name="T62" fmla="*/ 12647 w 391"/>
                <a:gd name="T63" fmla="*/ 111044 h 390"/>
                <a:gd name="T64" fmla="*/ 22404 w 391"/>
                <a:gd name="T65" fmla="*/ 120357 h 390"/>
                <a:gd name="T66" fmla="*/ 31799 w 391"/>
                <a:gd name="T67" fmla="*/ 130028 h 390"/>
                <a:gd name="T68" fmla="*/ 44807 w 391"/>
                <a:gd name="T69" fmla="*/ 136476 h 390"/>
                <a:gd name="T70" fmla="*/ 57454 w 391"/>
                <a:gd name="T71" fmla="*/ 139342 h 390"/>
                <a:gd name="T72" fmla="*/ 70463 w 391"/>
                <a:gd name="T73" fmla="*/ 139342 h 390"/>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391"/>
                <a:gd name="T112" fmla="*/ 0 h 390"/>
                <a:gd name="T113" fmla="*/ 391 w 391"/>
                <a:gd name="T114" fmla="*/ 390 h 390"/>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391" h="390">
                  <a:moveTo>
                    <a:pt x="195" y="389"/>
                  </a:moveTo>
                  <a:lnTo>
                    <a:pt x="195" y="389"/>
                  </a:lnTo>
                  <a:lnTo>
                    <a:pt x="239" y="389"/>
                  </a:lnTo>
                  <a:lnTo>
                    <a:pt x="274" y="381"/>
                  </a:lnTo>
                  <a:lnTo>
                    <a:pt x="310" y="363"/>
                  </a:lnTo>
                  <a:lnTo>
                    <a:pt x="337" y="336"/>
                  </a:lnTo>
                  <a:lnTo>
                    <a:pt x="363" y="310"/>
                  </a:lnTo>
                  <a:lnTo>
                    <a:pt x="381" y="275"/>
                  </a:lnTo>
                  <a:lnTo>
                    <a:pt x="390" y="239"/>
                  </a:lnTo>
                  <a:lnTo>
                    <a:pt x="390" y="195"/>
                  </a:lnTo>
                  <a:lnTo>
                    <a:pt x="390" y="160"/>
                  </a:lnTo>
                  <a:lnTo>
                    <a:pt x="381" y="124"/>
                  </a:lnTo>
                  <a:lnTo>
                    <a:pt x="363" y="89"/>
                  </a:lnTo>
                  <a:lnTo>
                    <a:pt x="337" y="62"/>
                  </a:lnTo>
                  <a:lnTo>
                    <a:pt x="310" y="36"/>
                  </a:lnTo>
                  <a:lnTo>
                    <a:pt x="274" y="18"/>
                  </a:lnTo>
                  <a:lnTo>
                    <a:pt x="239" y="9"/>
                  </a:lnTo>
                  <a:lnTo>
                    <a:pt x="195" y="0"/>
                  </a:lnTo>
                  <a:lnTo>
                    <a:pt x="159" y="9"/>
                  </a:lnTo>
                  <a:lnTo>
                    <a:pt x="124" y="18"/>
                  </a:lnTo>
                  <a:lnTo>
                    <a:pt x="88" y="36"/>
                  </a:lnTo>
                  <a:lnTo>
                    <a:pt x="62" y="62"/>
                  </a:lnTo>
                  <a:lnTo>
                    <a:pt x="35" y="89"/>
                  </a:lnTo>
                  <a:lnTo>
                    <a:pt x="17" y="124"/>
                  </a:lnTo>
                  <a:lnTo>
                    <a:pt x="8" y="160"/>
                  </a:lnTo>
                  <a:lnTo>
                    <a:pt x="0" y="195"/>
                  </a:lnTo>
                  <a:lnTo>
                    <a:pt x="8" y="239"/>
                  </a:lnTo>
                  <a:lnTo>
                    <a:pt x="17" y="275"/>
                  </a:lnTo>
                  <a:lnTo>
                    <a:pt x="35" y="310"/>
                  </a:lnTo>
                  <a:lnTo>
                    <a:pt x="62" y="336"/>
                  </a:lnTo>
                  <a:lnTo>
                    <a:pt x="88" y="363"/>
                  </a:lnTo>
                  <a:lnTo>
                    <a:pt x="124" y="381"/>
                  </a:lnTo>
                  <a:lnTo>
                    <a:pt x="159" y="389"/>
                  </a:lnTo>
                  <a:lnTo>
                    <a:pt x="195" y="389"/>
                  </a:lnTo>
                </a:path>
              </a:pathLst>
            </a:custGeom>
            <a:grpFill/>
            <a:ln w="28575">
              <a:solidFill>
                <a:schemeClr val="bg1"/>
              </a:solidFill>
              <a:round/>
              <a:headEnd/>
              <a:tailEnd/>
            </a:ln>
          </p:spPr>
          <p:txBody>
            <a:bodyPr wrap="none" anchor="ctr"/>
            <a:lstStyle/>
            <a:p>
              <a:pPr defTabSz="457200" fontAlgn="base">
                <a:spcBef>
                  <a:spcPct val="0"/>
                </a:spcBef>
                <a:spcAft>
                  <a:spcPct val="0"/>
                </a:spcAft>
              </a:pPr>
              <a:endParaRPr lang="en-US" sz="2400" dirty="0">
                <a:solidFill>
                  <a:prstClr val="black"/>
                </a:solidFill>
                <a:latin typeface="Arial" charset="0"/>
                <a:cs typeface="Arial" charset="0"/>
              </a:endParaRPr>
            </a:p>
          </p:txBody>
        </p:sp>
        <p:sp>
          <p:nvSpPr>
            <p:cNvPr id="24" name="Line 4"/>
            <p:cNvSpPr>
              <a:spLocks noChangeShapeType="1"/>
            </p:cNvSpPr>
            <p:nvPr/>
          </p:nvSpPr>
          <p:spPr bwMode="auto">
            <a:xfrm>
              <a:off x="1987550" y="2635250"/>
              <a:ext cx="171450" cy="1588"/>
            </a:xfrm>
            <a:prstGeom prst="line">
              <a:avLst/>
            </a:prstGeom>
            <a:grpFill/>
            <a:ln w="28575">
              <a:solidFill>
                <a:schemeClr val="bg1"/>
              </a:solidFill>
              <a:round/>
              <a:headEnd/>
              <a:tailEnd/>
            </a:ln>
          </p:spPr>
          <p:txBody>
            <a:bodyPr/>
            <a:lstStyle/>
            <a:p>
              <a:pPr defTabSz="457200" fontAlgn="base">
                <a:spcBef>
                  <a:spcPct val="0"/>
                </a:spcBef>
                <a:spcAft>
                  <a:spcPct val="0"/>
                </a:spcAft>
              </a:pPr>
              <a:endParaRPr lang="en-US" sz="2400" dirty="0">
                <a:solidFill>
                  <a:prstClr val="black"/>
                </a:solidFill>
                <a:latin typeface="Arial" charset="0"/>
                <a:cs typeface="Arial" charset="0"/>
              </a:endParaRPr>
            </a:p>
          </p:txBody>
        </p:sp>
      </p:grpSp>
      <p:sp>
        <p:nvSpPr>
          <p:cNvPr id="25" name="Freeform 361"/>
          <p:cNvSpPr>
            <a:spLocks noEditPoints="1"/>
          </p:cNvSpPr>
          <p:nvPr/>
        </p:nvSpPr>
        <p:spPr bwMode="auto">
          <a:xfrm>
            <a:off x="1325802" y="3010333"/>
            <a:ext cx="778771" cy="714075"/>
          </a:xfrm>
          <a:custGeom>
            <a:avLst/>
            <a:gdLst>
              <a:gd name="T0" fmla="*/ 188467 w 424"/>
              <a:gd name="T1" fmla="*/ 108479 h 414"/>
              <a:gd name="T2" fmla="*/ 223310 w 424"/>
              <a:gd name="T3" fmla="*/ 85725 h 414"/>
              <a:gd name="T4" fmla="*/ 188467 w 424"/>
              <a:gd name="T5" fmla="*/ 24342 h 414"/>
              <a:gd name="T6" fmla="*/ 150457 w 424"/>
              <a:gd name="T7" fmla="*/ 5821 h 414"/>
              <a:gd name="T8" fmla="*/ 144650 w 424"/>
              <a:gd name="T9" fmla="*/ 0 h 414"/>
              <a:gd name="T10" fmla="*/ 74437 w 424"/>
              <a:gd name="T11" fmla="*/ 3704 h 414"/>
              <a:gd name="T12" fmla="*/ 38538 w 424"/>
              <a:gd name="T13" fmla="*/ 24342 h 414"/>
              <a:gd name="T14" fmla="*/ 1056 w 424"/>
              <a:gd name="T15" fmla="*/ 83608 h 414"/>
              <a:gd name="T16" fmla="*/ 3168 w 424"/>
              <a:gd name="T17" fmla="*/ 91546 h 414"/>
              <a:gd name="T18" fmla="*/ 1056 w 424"/>
              <a:gd name="T19" fmla="*/ 133350 h 414"/>
              <a:gd name="T20" fmla="*/ 34843 w 424"/>
              <a:gd name="T21" fmla="*/ 193675 h 414"/>
              <a:gd name="T22" fmla="*/ 43289 w 424"/>
              <a:gd name="T23" fmla="*/ 195792 h 414"/>
              <a:gd name="T24" fmla="*/ 75493 w 424"/>
              <a:gd name="T25" fmla="*/ 217487 h 414"/>
              <a:gd name="T26" fmla="*/ 146762 w 424"/>
              <a:gd name="T27" fmla="*/ 218546 h 414"/>
              <a:gd name="T28" fmla="*/ 183188 w 424"/>
              <a:gd name="T29" fmla="*/ 194204 h 414"/>
              <a:gd name="T30" fmla="*/ 191107 w 424"/>
              <a:gd name="T31" fmla="*/ 191558 h 414"/>
              <a:gd name="T32" fmla="*/ 223838 w 424"/>
              <a:gd name="T33" fmla="*/ 131233 h 414"/>
              <a:gd name="T34" fmla="*/ 140955 w 424"/>
              <a:gd name="T35" fmla="*/ 159279 h 414"/>
              <a:gd name="T36" fmla="*/ 86051 w 424"/>
              <a:gd name="T37" fmla="*/ 206904 h 414"/>
              <a:gd name="T38" fmla="*/ 82883 w 424"/>
              <a:gd name="T39" fmla="*/ 160867 h 414"/>
              <a:gd name="T40" fmla="*/ 51208 w 424"/>
              <a:gd name="T41" fmla="*/ 115887 h 414"/>
              <a:gd name="T42" fmla="*/ 53320 w 424"/>
              <a:gd name="T43" fmla="*/ 106892 h 414"/>
              <a:gd name="T44" fmla="*/ 77076 w 424"/>
              <a:gd name="T45" fmla="*/ 59796 h 414"/>
              <a:gd name="T46" fmla="*/ 86051 w 424"/>
              <a:gd name="T47" fmla="*/ 53975 h 414"/>
              <a:gd name="T48" fmla="*/ 138843 w 424"/>
              <a:gd name="T49" fmla="*/ 55562 h 414"/>
              <a:gd name="T50" fmla="*/ 182660 w 424"/>
              <a:gd name="T51" fmla="*/ 37042 h 414"/>
              <a:gd name="T52" fmla="*/ 169990 w 424"/>
              <a:gd name="T53" fmla="*/ 109008 h 414"/>
              <a:gd name="T54" fmla="*/ 183716 w 424"/>
              <a:gd name="T55" fmla="*/ 180446 h 414"/>
              <a:gd name="T56" fmla="*/ 136731 w 424"/>
              <a:gd name="T57" fmla="*/ 127529 h 414"/>
              <a:gd name="T58" fmla="*/ 121422 w 424"/>
              <a:gd name="T59" fmla="*/ 133350 h 414"/>
              <a:gd name="T60" fmla="*/ 100305 w 424"/>
              <a:gd name="T61" fmla="*/ 143933 h 414"/>
              <a:gd name="T62" fmla="*/ 104000 w 424"/>
              <a:gd name="T63" fmla="*/ 152400 h 414"/>
              <a:gd name="T64" fmla="*/ 117198 w 424"/>
              <a:gd name="T65" fmla="*/ 162454 h 414"/>
              <a:gd name="T66" fmla="*/ 130396 w 424"/>
              <a:gd name="T67" fmla="*/ 175683 h 414"/>
              <a:gd name="T68" fmla="*/ 125117 w 424"/>
              <a:gd name="T69" fmla="*/ 179917 h 414"/>
              <a:gd name="T70" fmla="*/ 117198 w 424"/>
              <a:gd name="T71" fmla="*/ 183621 h 414"/>
              <a:gd name="T72" fmla="*/ 111919 w 424"/>
              <a:gd name="T73" fmla="*/ 188383 h 414"/>
              <a:gd name="T74" fmla="*/ 107168 w 424"/>
              <a:gd name="T75" fmla="*/ 183621 h 414"/>
              <a:gd name="T76" fmla="*/ 96081 w 424"/>
              <a:gd name="T77" fmla="*/ 159279 h 414"/>
              <a:gd name="T78" fmla="*/ 89746 w 424"/>
              <a:gd name="T79" fmla="*/ 142875 h 414"/>
              <a:gd name="T80" fmla="*/ 100305 w 424"/>
              <a:gd name="T81" fmla="*/ 131233 h 414"/>
              <a:gd name="T82" fmla="*/ 111391 w 424"/>
              <a:gd name="T83" fmla="*/ 83079 h 414"/>
              <a:gd name="T84" fmla="*/ 127757 w 424"/>
              <a:gd name="T85" fmla="*/ 120121 h 414"/>
              <a:gd name="T86" fmla="*/ 126701 w 424"/>
              <a:gd name="T87" fmla="*/ 104775 h 414"/>
              <a:gd name="T88" fmla="*/ 140955 w 424"/>
              <a:gd name="T89" fmla="*/ 115887 h 414"/>
              <a:gd name="T90" fmla="*/ 84995 w 424"/>
              <a:gd name="T91" fmla="*/ 91017 h 414"/>
              <a:gd name="T92" fmla="*/ 92914 w 424"/>
              <a:gd name="T93" fmla="*/ 73025 h 414"/>
              <a:gd name="T94" fmla="*/ 107168 w 424"/>
              <a:gd name="T95" fmla="*/ 65087 h 414"/>
              <a:gd name="T96" fmla="*/ 101889 w 424"/>
              <a:gd name="T97" fmla="*/ 48683 h 414"/>
              <a:gd name="T98" fmla="*/ 107696 w 424"/>
              <a:gd name="T99" fmla="*/ 36513 h 414"/>
              <a:gd name="T100" fmla="*/ 121422 w 424"/>
              <a:gd name="T101" fmla="*/ 42333 h 414"/>
              <a:gd name="T102" fmla="*/ 119310 w 424"/>
              <a:gd name="T103" fmla="*/ 53446 h 414"/>
              <a:gd name="T104" fmla="*/ 130924 w 424"/>
              <a:gd name="T105" fmla="*/ 64029 h 414"/>
              <a:gd name="T106" fmla="*/ 140427 w 424"/>
              <a:gd name="T107" fmla="*/ 70908 h 414"/>
              <a:gd name="T108" fmla="*/ 135147 w 424"/>
              <a:gd name="T109" fmla="*/ 75671 h 414"/>
              <a:gd name="T110" fmla="*/ 120894 w 424"/>
              <a:gd name="T111" fmla="*/ 73554 h 414"/>
              <a:gd name="T112" fmla="*/ 100305 w 424"/>
              <a:gd name="T113" fmla="*/ 79904 h 414"/>
              <a:gd name="T114" fmla="*/ 96081 w 424"/>
              <a:gd name="T115" fmla="*/ 90488 h 414"/>
              <a:gd name="T116" fmla="*/ 98193 w 424"/>
              <a:gd name="T117" fmla="*/ 107950 h 414"/>
              <a:gd name="T118" fmla="*/ 86051 w 424"/>
              <a:gd name="T119" fmla="*/ 94721 h 414"/>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Lst>
            <a:ahLst/>
            <a:cxnLst>
              <a:cxn ang="T120">
                <a:pos x="T0" y="T1"/>
              </a:cxn>
              <a:cxn ang="T121">
                <a:pos x="T2" y="T3"/>
              </a:cxn>
              <a:cxn ang="T122">
                <a:pos x="T4" y="T5"/>
              </a:cxn>
              <a:cxn ang="T123">
                <a:pos x="T6" y="T7"/>
              </a:cxn>
              <a:cxn ang="T124">
                <a:pos x="T8" y="T9"/>
              </a:cxn>
              <a:cxn ang="T125">
                <a:pos x="T10" y="T11"/>
              </a:cxn>
              <a:cxn ang="T126">
                <a:pos x="T12" y="T13"/>
              </a:cxn>
              <a:cxn ang="T127">
                <a:pos x="T14" y="T15"/>
              </a:cxn>
              <a:cxn ang="T128">
                <a:pos x="T16" y="T17"/>
              </a:cxn>
              <a:cxn ang="T129">
                <a:pos x="T18" y="T19"/>
              </a:cxn>
              <a:cxn ang="T130">
                <a:pos x="T20" y="T21"/>
              </a:cxn>
              <a:cxn ang="T131">
                <a:pos x="T22" y="T23"/>
              </a:cxn>
              <a:cxn ang="T132">
                <a:pos x="T24" y="T25"/>
              </a:cxn>
              <a:cxn ang="T133">
                <a:pos x="T26" y="T27"/>
              </a:cxn>
              <a:cxn ang="T134">
                <a:pos x="T28" y="T29"/>
              </a:cxn>
              <a:cxn ang="T135">
                <a:pos x="T30" y="T31"/>
              </a:cxn>
              <a:cxn ang="T136">
                <a:pos x="T32" y="T33"/>
              </a:cxn>
              <a:cxn ang="T137">
                <a:pos x="T34" y="T35"/>
              </a:cxn>
              <a:cxn ang="T138">
                <a:pos x="T36" y="T37"/>
              </a:cxn>
              <a:cxn ang="T139">
                <a:pos x="T38" y="T39"/>
              </a:cxn>
              <a:cxn ang="T140">
                <a:pos x="T40" y="T41"/>
              </a:cxn>
              <a:cxn ang="T141">
                <a:pos x="T42" y="T43"/>
              </a:cxn>
              <a:cxn ang="T142">
                <a:pos x="T44" y="T45"/>
              </a:cxn>
              <a:cxn ang="T143">
                <a:pos x="T46" y="T47"/>
              </a:cxn>
              <a:cxn ang="T144">
                <a:pos x="T48" y="T49"/>
              </a:cxn>
              <a:cxn ang="T145">
                <a:pos x="T50" y="T51"/>
              </a:cxn>
              <a:cxn ang="T146">
                <a:pos x="T52" y="T53"/>
              </a:cxn>
              <a:cxn ang="T147">
                <a:pos x="T54" y="T55"/>
              </a:cxn>
              <a:cxn ang="T148">
                <a:pos x="T56" y="T57"/>
              </a:cxn>
              <a:cxn ang="T149">
                <a:pos x="T58" y="T59"/>
              </a:cxn>
              <a:cxn ang="T150">
                <a:pos x="T60" y="T61"/>
              </a:cxn>
              <a:cxn ang="T151">
                <a:pos x="T62" y="T63"/>
              </a:cxn>
              <a:cxn ang="T152">
                <a:pos x="T64" y="T65"/>
              </a:cxn>
              <a:cxn ang="T153">
                <a:pos x="T66" y="T67"/>
              </a:cxn>
              <a:cxn ang="T154">
                <a:pos x="T68" y="T69"/>
              </a:cxn>
              <a:cxn ang="T155">
                <a:pos x="T70" y="T71"/>
              </a:cxn>
              <a:cxn ang="T156">
                <a:pos x="T72" y="T73"/>
              </a:cxn>
              <a:cxn ang="T157">
                <a:pos x="T74" y="T75"/>
              </a:cxn>
              <a:cxn ang="T158">
                <a:pos x="T76" y="T77"/>
              </a:cxn>
              <a:cxn ang="T159">
                <a:pos x="T78" y="T79"/>
              </a:cxn>
              <a:cxn ang="T160">
                <a:pos x="T80" y="T81"/>
              </a:cxn>
              <a:cxn ang="T161">
                <a:pos x="T82" y="T83"/>
              </a:cxn>
              <a:cxn ang="T162">
                <a:pos x="T84" y="T85"/>
              </a:cxn>
              <a:cxn ang="T163">
                <a:pos x="T86" y="T87"/>
              </a:cxn>
              <a:cxn ang="T164">
                <a:pos x="T88" y="T89"/>
              </a:cxn>
              <a:cxn ang="T165">
                <a:pos x="T90" y="T91"/>
              </a:cxn>
              <a:cxn ang="T166">
                <a:pos x="T92" y="T93"/>
              </a:cxn>
              <a:cxn ang="T167">
                <a:pos x="T94" y="T95"/>
              </a:cxn>
              <a:cxn ang="T168">
                <a:pos x="T96" y="T97"/>
              </a:cxn>
              <a:cxn ang="T169">
                <a:pos x="T98" y="T99"/>
              </a:cxn>
              <a:cxn ang="T170">
                <a:pos x="T100" y="T101"/>
              </a:cxn>
              <a:cxn ang="T171">
                <a:pos x="T102" y="T103"/>
              </a:cxn>
              <a:cxn ang="T172">
                <a:pos x="T104" y="T105"/>
              </a:cxn>
              <a:cxn ang="T173">
                <a:pos x="T106" y="T107"/>
              </a:cxn>
              <a:cxn ang="T174">
                <a:pos x="T108" y="T109"/>
              </a:cxn>
              <a:cxn ang="T175">
                <a:pos x="T110" y="T111"/>
              </a:cxn>
              <a:cxn ang="T176">
                <a:pos x="T112" y="T113"/>
              </a:cxn>
              <a:cxn ang="T177">
                <a:pos x="T114" y="T115"/>
              </a:cxn>
              <a:cxn ang="T178">
                <a:pos x="T116" y="T117"/>
              </a:cxn>
              <a:cxn ang="T179">
                <a:pos x="T118" y="T119"/>
              </a:cxn>
            </a:cxnLst>
            <a:rect l="0" t="0" r="r" b="b"/>
            <a:pathLst>
              <a:path w="424" h="414">
                <a:moveTo>
                  <a:pt x="424" y="248"/>
                </a:moveTo>
                <a:lnTo>
                  <a:pt x="424" y="248"/>
                </a:lnTo>
                <a:lnTo>
                  <a:pt x="423" y="244"/>
                </a:lnTo>
                <a:lnTo>
                  <a:pt x="418" y="241"/>
                </a:lnTo>
                <a:lnTo>
                  <a:pt x="357" y="205"/>
                </a:lnTo>
                <a:lnTo>
                  <a:pt x="418" y="169"/>
                </a:lnTo>
                <a:lnTo>
                  <a:pt x="421" y="167"/>
                </a:lnTo>
                <a:lnTo>
                  <a:pt x="423" y="162"/>
                </a:lnTo>
                <a:lnTo>
                  <a:pt x="424" y="158"/>
                </a:lnTo>
                <a:lnTo>
                  <a:pt x="421" y="153"/>
                </a:lnTo>
                <a:lnTo>
                  <a:pt x="359" y="48"/>
                </a:lnTo>
                <a:lnTo>
                  <a:pt x="357" y="46"/>
                </a:lnTo>
                <a:lnTo>
                  <a:pt x="352" y="43"/>
                </a:lnTo>
                <a:lnTo>
                  <a:pt x="348" y="43"/>
                </a:lnTo>
                <a:lnTo>
                  <a:pt x="343" y="44"/>
                </a:lnTo>
                <a:lnTo>
                  <a:pt x="285" y="79"/>
                </a:lnTo>
                <a:lnTo>
                  <a:pt x="285" y="11"/>
                </a:lnTo>
                <a:lnTo>
                  <a:pt x="284" y="7"/>
                </a:lnTo>
                <a:lnTo>
                  <a:pt x="282" y="3"/>
                </a:lnTo>
                <a:lnTo>
                  <a:pt x="278" y="0"/>
                </a:lnTo>
                <a:lnTo>
                  <a:pt x="274" y="0"/>
                </a:lnTo>
                <a:lnTo>
                  <a:pt x="152" y="0"/>
                </a:lnTo>
                <a:lnTo>
                  <a:pt x="148" y="0"/>
                </a:lnTo>
                <a:lnTo>
                  <a:pt x="143" y="3"/>
                </a:lnTo>
                <a:lnTo>
                  <a:pt x="141" y="7"/>
                </a:lnTo>
                <a:lnTo>
                  <a:pt x="139" y="11"/>
                </a:lnTo>
                <a:lnTo>
                  <a:pt x="139" y="83"/>
                </a:lnTo>
                <a:lnTo>
                  <a:pt x="79" y="47"/>
                </a:lnTo>
                <a:lnTo>
                  <a:pt x="73" y="46"/>
                </a:lnTo>
                <a:lnTo>
                  <a:pt x="69" y="47"/>
                </a:lnTo>
                <a:lnTo>
                  <a:pt x="65" y="48"/>
                </a:lnTo>
                <a:lnTo>
                  <a:pt x="62" y="51"/>
                </a:lnTo>
                <a:lnTo>
                  <a:pt x="2" y="158"/>
                </a:lnTo>
                <a:lnTo>
                  <a:pt x="0" y="162"/>
                </a:lnTo>
                <a:lnTo>
                  <a:pt x="2" y="167"/>
                </a:lnTo>
                <a:lnTo>
                  <a:pt x="3" y="171"/>
                </a:lnTo>
                <a:lnTo>
                  <a:pt x="6" y="173"/>
                </a:lnTo>
                <a:lnTo>
                  <a:pt x="68" y="209"/>
                </a:lnTo>
                <a:lnTo>
                  <a:pt x="7" y="245"/>
                </a:lnTo>
                <a:lnTo>
                  <a:pt x="5" y="248"/>
                </a:lnTo>
                <a:lnTo>
                  <a:pt x="2" y="252"/>
                </a:lnTo>
                <a:lnTo>
                  <a:pt x="2" y="256"/>
                </a:lnTo>
                <a:lnTo>
                  <a:pt x="3" y="260"/>
                </a:lnTo>
                <a:lnTo>
                  <a:pt x="66" y="366"/>
                </a:lnTo>
                <a:lnTo>
                  <a:pt x="69" y="369"/>
                </a:lnTo>
                <a:lnTo>
                  <a:pt x="73" y="371"/>
                </a:lnTo>
                <a:lnTo>
                  <a:pt x="77" y="371"/>
                </a:lnTo>
                <a:lnTo>
                  <a:pt x="82" y="370"/>
                </a:lnTo>
                <a:lnTo>
                  <a:pt x="139" y="334"/>
                </a:lnTo>
                <a:lnTo>
                  <a:pt x="139" y="403"/>
                </a:lnTo>
                <a:lnTo>
                  <a:pt x="141" y="407"/>
                </a:lnTo>
                <a:lnTo>
                  <a:pt x="143" y="411"/>
                </a:lnTo>
                <a:lnTo>
                  <a:pt x="148" y="413"/>
                </a:lnTo>
                <a:lnTo>
                  <a:pt x="152" y="414"/>
                </a:lnTo>
                <a:lnTo>
                  <a:pt x="274" y="414"/>
                </a:lnTo>
                <a:lnTo>
                  <a:pt x="278" y="413"/>
                </a:lnTo>
                <a:lnTo>
                  <a:pt x="282" y="411"/>
                </a:lnTo>
                <a:lnTo>
                  <a:pt x="284" y="407"/>
                </a:lnTo>
                <a:lnTo>
                  <a:pt x="285" y="403"/>
                </a:lnTo>
                <a:lnTo>
                  <a:pt x="285" y="332"/>
                </a:lnTo>
                <a:lnTo>
                  <a:pt x="347" y="367"/>
                </a:lnTo>
                <a:lnTo>
                  <a:pt x="351" y="369"/>
                </a:lnTo>
                <a:lnTo>
                  <a:pt x="355" y="367"/>
                </a:lnTo>
                <a:lnTo>
                  <a:pt x="359" y="366"/>
                </a:lnTo>
                <a:lnTo>
                  <a:pt x="362" y="362"/>
                </a:lnTo>
                <a:lnTo>
                  <a:pt x="423" y="256"/>
                </a:lnTo>
                <a:lnTo>
                  <a:pt x="424" y="252"/>
                </a:lnTo>
                <a:lnTo>
                  <a:pt x="424" y="248"/>
                </a:lnTo>
                <a:close/>
                <a:moveTo>
                  <a:pt x="348" y="341"/>
                </a:moveTo>
                <a:lnTo>
                  <a:pt x="280" y="301"/>
                </a:lnTo>
                <a:lnTo>
                  <a:pt x="274" y="300"/>
                </a:lnTo>
                <a:lnTo>
                  <a:pt x="267" y="301"/>
                </a:lnTo>
                <a:lnTo>
                  <a:pt x="263" y="307"/>
                </a:lnTo>
                <a:lnTo>
                  <a:pt x="262" y="312"/>
                </a:lnTo>
                <a:lnTo>
                  <a:pt x="262" y="391"/>
                </a:lnTo>
                <a:lnTo>
                  <a:pt x="163" y="391"/>
                </a:lnTo>
                <a:lnTo>
                  <a:pt x="163" y="315"/>
                </a:lnTo>
                <a:lnTo>
                  <a:pt x="161" y="308"/>
                </a:lnTo>
                <a:lnTo>
                  <a:pt x="157" y="304"/>
                </a:lnTo>
                <a:lnTo>
                  <a:pt x="152" y="303"/>
                </a:lnTo>
                <a:lnTo>
                  <a:pt x="146" y="304"/>
                </a:lnTo>
                <a:lnTo>
                  <a:pt x="80" y="344"/>
                </a:lnTo>
                <a:lnTo>
                  <a:pt x="29" y="259"/>
                </a:lnTo>
                <a:lnTo>
                  <a:pt x="97" y="219"/>
                </a:lnTo>
                <a:lnTo>
                  <a:pt x="101" y="215"/>
                </a:lnTo>
                <a:lnTo>
                  <a:pt x="102" y="208"/>
                </a:lnTo>
                <a:lnTo>
                  <a:pt x="101" y="202"/>
                </a:lnTo>
                <a:lnTo>
                  <a:pt x="97" y="198"/>
                </a:lnTo>
                <a:lnTo>
                  <a:pt x="28" y="160"/>
                </a:lnTo>
                <a:lnTo>
                  <a:pt x="77" y="73"/>
                </a:lnTo>
                <a:lnTo>
                  <a:pt x="146" y="113"/>
                </a:lnTo>
                <a:lnTo>
                  <a:pt x="152" y="114"/>
                </a:lnTo>
                <a:lnTo>
                  <a:pt x="157" y="112"/>
                </a:lnTo>
                <a:lnTo>
                  <a:pt x="161" y="107"/>
                </a:lnTo>
                <a:lnTo>
                  <a:pt x="163" y="102"/>
                </a:lnTo>
                <a:lnTo>
                  <a:pt x="163" y="24"/>
                </a:lnTo>
                <a:lnTo>
                  <a:pt x="262" y="24"/>
                </a:lnTo>
                <a:lnTo>
                  <a:pt x="262" y="99"/>
                </a:lnTo>
                <a:lnTo>
                  <a:pt x="263" y="105"/>
                </a:lnTo>
                <a:lnTo>
                  <a:pt x="269" y="110"/>
                </a:lnTo>
                <a:lnTo>
                  <a:pt x="274" y="112"/>
                </a:lnTo>
                <a:lnTo>
                  <a:pt x="280" y="109"/>
                </a:lnTo>
                <a:lnTo>
                  <a:pt x="346" y="70"/>
                </a:lnTo>
                <a:lnTo>
                  <a:pt x="396" y="156"/>
                </a:lnTo>
                <a:lnTo>
                  <a:pt x="328" y="195"/>
                </a:lnTo>
                <a:lnTo>
                  <a:pt x="324" y="200"/>
                </a:lnTo>
                <a:lnTo>
                  <a:pt x="322" y="206"/>
                </a:lnTo>
                <a:lnTo>
                  <a:pt x="324" y="212"/>
                </a:lnTo>
                <a:lnTo>
                  <a:pt x="328" y="216"/>
                </a:lnTo>
                <a:lnTo>
                  <a:pt x="396" y="255"/>
                </a:lnTo>
                <a:lnTo>
                  <a:pt x="348" y="341"/>
                </a:lnTo>
                <a:close/>
                <a:moveTo>
                  <a:pt x="269" y="223"/>
                </a:moveTo>
                <a:lnTo>
                  <a:pt x="269" y="223"/>
                </a:lnTo>
                <a:lnTo>
                  <a:pt x="267" y="228"/>
                </a:lnTo>
                <a:lnTo>
                  <a:pt x="264" y="235"/>
                </a:lnTo>
                <a:lnTo>
                  <a:pt x="259" y="241"/>
                </a:lnTo>
                <a:lnTo>
                  <a:pt x="249" y="245"/>
                </a:lnTo>
                <a:lnTo>
                  <a:pt x="230" y="252"/>
                </a:lnTo>
                <a:lnTo>
                  <a:pt x="214" y="259"/>
                </a:lnTo>
                <a:lnTo>
                  <a:pt x="198" y="266"/>
                </a:lnTo>
                <a:lnTo>
                  <a:pt x="193" y="270"/>
                </a:lnTo>
                <a:lnTo>
                  <a:pt x="190" y="272"/>
                </a:lnTo>
                <a:lnTo>
                  <a:pt x="189" y="277"/>
                </a:lnTo>
                <a:lnTo>
                  <a:pt x="190" y="279"/>
                </a:lnTo>
                <a:lnTo>
                  <a:pt x="193" y="283"/>
                </a:lnTo>
                <a:lnTo>
                  <a:pt x="197" y="288"/>
                </a:lnTo>
                <a:lnTo>
                  <a:pt x="203" y="292"/>
                </a:lnTo>
                <a:lnTo>
                  <a:pt x="203" y="281"/>
                </a:lnTo>
                <a:lnTo>
                  <a:pt x="222" y="272"/>
                </a:lnTo>
                <a:lnTo>
                  <a:pt x="222" y="307"/>
                </a:lnTo>
                <a:lnTo>
                  <a:pt x="242" y="322"/>
                </a:lnTo>
                <a:lnTo>
                  <a:pt x="245" y="325"/>
                </a:lnTo>
                <a:lnTo>
                  <a:pt x="247" y="327"/>
                </a:lnTo>
                <a:lnTo>
                  <a:pt x="247" y="332"/>
                </a:lnTo>
                <a:lnTo>
                  <a:pt x="245" y="336"/>
                </a:lnTo>
                <a:lnTo>
                  <a:pt x="241" y="338"/>
                </a:lnTo>
                <a:lnTo>
                  <a:pt x="237" y="340"/>
                </a:lnTo>
                <a:lnTo>
                  <a:pt x="234" y="338"/>
                </a:lnTo>
                <a:lnTo>
                  <a:pt x="231" y="337"/>
                </a:lnTo>
                <a:lnTo>
                  <a:pt x="222" y="332"/>
                </a:lnTo>
                <a:lnTo>
                  <a:pt x="222" y="347"/>
                </a:lnTo>
                <a:lnTo>
                  <a:pt x="222" y="351"/>
                </a:lnTo>
                <a:lnTo>
                  <a:pt x="219" y="354"/>
                </a:lnTo>
                <a:lnTo>
                  <a:pt x="216" y="356"/>
                </a:lnTo>
                <a:lnTo>
                  <a:pt x="212" y="356"/>
                </a:lnTo>
                <a:lnTo>
                  <a:pt x="208" y="356"/>
                </a:lnTo>
                <a:lnTo>
                  <a:pt x="205" y="354"/>
                </a:lnTo>
                <a:lnTo>
                  <a:pt x="204" y="351"/>
                </a:lnTo>
                <a:lnTo>
                  <a:pt x="203" y="347"/>
                </a:lnTo>
                <a:lnTo>
                  <a:pt x="203" y="316"/>
                </a:lnTo>
                <a:lnTo>
                  <a:pt x="192" y="308"/>
                </a:lnTo>
                <a:lnTo>
                  <a:pt x="182" y="301"/>
                </a:lnTo>
                <a:lnTo>
                  <a:pt x="175" y="293"/>
                </a:lnTo>
                <a:lnTo>
                  <a:pt x="171" y="285"/>
                </a:lnTo>
                <a:lnTo>
                  <a:pt x="170" y="275"/>
                </a:lnTo>
                <a:lnTo>
                  <a:pt x="170" y="270"/>
                </a:lnTo>
                <a:lnTo>
                  <a:pt x="172" y="264"/>
                </a:lnTo>
                <a:lnTo>
                  <a:pt x="175" y="260"/>
                </a:lnTo>
                <a:lnTo>
                  <a:pt x="179" y="256"/>
                </a:lnTo>
                <a:lnTo>
                  <a:pt x="186" y="250"/>
                </a:lnTo>
                <a:lnTo>
                  <a:pt x="190" y="248"/>
                </a:lnTo>
                <a:lnTo>
                  <a:pt x="203" y="242"/>
                </a:lnTo>
                <a:lnTo>
                  <a:pt x="203" y="162"/>
                </a:lnTo>
                <a:lnTo>
                  <a:pt x="211" y="157"/>
                </a:lnTo>
                <a:lnTo>
                  <a:pt x="216" y="156"/>
                </a:lnTo>
                <a:lnTo>
                  <a:pt x="222" y="156"/>
                </a:lnTo>
                <a:lnTo>
                  <a:pt x="222" y="234"/>
                </a:lnTo>
                <a:lnTo>
                  <a:pt x="242" y="227"/>
                </a:lnTo>
                <a:lnTo>
                  <a:pt x="247" y="224"/>
                </a:lnTo>
                <a:lnTo>
                  <a:pt x="240" y="219"/>
                </a:lnTo>
                <a:lnTo>
                  <a:pt x="240" y="198"/>
                </a:lnTo>
                <a:lnTo>
                  <a:pt x="251" y="202"/>
                </a:lnTo>
                <a:lnTo>
                  <a:pt x="259" y="208"/>
                </a:lnTo>
                <a:lnTo>
                  <a:pt x="266" y="215"/>
                </a:lnTo>
                <a:lnTo>
                  <a:pt x="267" y="219"/>
                </a:lnTo>
                <a:lnTo>
                  <a:pt x="269" y="223"/>
                </a:lnTo>
                <a:close/>
                <a:moveTo>
                  <a:pt x="163" y="179"/>
                </a:moveTo>
                <a:lnTo>
                  <a:pt x="163" y="179"/>
                </a:lnTo>
                <a:lnTo>
                  <a:pt x="161" y="172"/>
                </a:lnTo>
                <a:lnTo>
                  <a:pt x="163" y="165"/>
                </a:lnTo>
                <a:lnTo>
                  <a:pt x="164" y="158"/>
                </a:lnTo>
                <a:lnTo>
                  <a:pt x="167" y="153"/>
                </a:lnTo>
                <a:lnTo>
                  <a:pt x="172" y="143"/>
                </a:lnTo>
                <a:lnTo>
                  <a:pt x="176" y="138"/>
                </a:lnTo>
                <a:lnTo>
                  <a:pt x="182" y="132"/>
                </a:lnTo>
                <a:lnTo>
                  <a:pt x="189" y="128"/>
                </a:lnTo>
                <a:lnTo>
                  <a:pt x="196" y="124"/>
                </a:lnTo>
                <a:lnTo>
                  <a:pt x="203" y="123"/>
                </a:lnTo>
                <a:lnTo>
                  <a:pt x="203" y="105"/>
                </a:lnTo>
                <a:lnTo>
                  <a:pt x="198" y="102"/>
                </a:lnTo>
                <a:lnTo>
                  <a:pt x="196" y="98"/>
                </a:lnTo>
                <a:lnTo>
                  <a:pt x="193" y="92"/>
                </a:lnTo>
                <a:lnTo>
                  <a:pt x="193" y="87"/>
                </a:lnTo>
                <a:lnTo>
                  <a:pt x="194" y="80"/>
                </a:lnTo>
                <a:lnTo>
                  <a:pt x="198" y="73"/>
                </a:lnTo>
                <a:lnTo>
                  <a:pt x="204" y="69"/>
                </a:lnTo>
                <a:lnTo>
                  <a:pt x="212" y="68"/>
                </a:lnTo>
                <a:lnTo>
                  <a:pt x="220" y="69"/>
                </a:lnTo>
                <a:lnTo>
                  <a:pt x="226" y="73"/>
                </a:lnTo>
                <a:lnTo>
                  <a:pt x="230" y="80"/>
                </a:lnTo>
                <a:lnTo>
                  <a:pt x="231" y="87"/>
                </a:lnTo>
                <a:lnTo>
                  <a:pt x="231" y="92"/>
                </a:lnTo>
                <a:lnTo>
                  <a:pt x="229" y="98"/>
                </a:lnTo>
                <a:lnTo>
                  <a:pt x="226" y="101"/>
                </a:lnTo>
                <a:lnTo>
                  <a:pt x="222" y="105"/>
                </a:lnTo>
                <a:lnTo>
                  <a:pt x="222" y="118"/>
                </a:lnTo>
                <a:lnTo>
                  <a:pt x="236" y="120"/>
                </a:lnTo>
                <a:lnTo>
                  <a:pt x="248" y="121"/>
                </a:lnTo>
                <a:lnTo>
                  <a:pt x="259" y="124"/>
                </a:lnTo>
                <a:lnTo>
                  <a:pt x="263" y="127"/>
                </a:lnTo>
                <a:lnTo>
                  <a:pt x="264" y="129"/>
                </a:lnTo>
                <a:lnTo>
                  <a:pt x="266" y="134"/>
                </a:lnTo>
                <a:lnTo>
                  <a:pt x="266" y="136"/>
                </a:lnTo>
                <a:lnTo>
                  <a:pt x="263" y="140"/>
                </a:lnTo>
                <a:lnTo>
                  <a:pt x="260" y="143"/>
                </a:lnTo>
                <a:lnTo>
                  <a:pt x="256" y="143"/>
                </a:lnTo>
                <a:lnTo>
                  <a:pt x="253" y="143"/>
                </a:lnTo>
                <a:lnTo>
                  <a:pt x="245" y="142"/>
                </a:lnTo>
                <a:lnTo>
                  <a:pt x="238" y="140"/>
                </a:lnTo>
                <a:lnTo>
                  <a:pt x="229" y="139"/>
                </a:lnTo>
                <a:lnTo>
                  <a:pt x="219" y="139"/>
                </a:lnTo>
                <a:lnTo>
                  <a:pt x="208" y="140"/>
                </a:lnTo>
                <a:lnTo>
                  <a:pt x="198" y="145"/>
                </a:lnTo>
                <a:lnTo>
                  <a:pt x="194" y="147"/>
                </a:lnTo>
                <a:lnTo>
                  <a:pt x="190" y="151"/>
                </a:lnTo>
                <a:lnTo>
                  <a:pt x="187" y="156"/>
                </a:lnTo>
                <a:lnTo>
                  <a:pt x="185" y="161"/>
                </a:lnTo>
                <a:lnTo>
                  <a:pt x="182" y="168"/>
                </a:lnTo>
                <a:lnTo>
                  <a:pt x="182" y="171"/>
                </a:lnTo>
                <a:lnTo>
                  <a:pt x="182" y="175"/>
                </a:lnTo>
                <a:lnTo>
                  <a:pt x="183" y="178"/>
                </a:lnTo>
                <a:lnTo>
                  <a:pt x="186" y="180"/>
                </a:lnTo>
                <a:lnTo>
                  <a:pt x="186" y="204"/>
                </a:lnTo>
                <a:lnTo>
                  <a:pt x="178" y="200"/>
                </a:lnTo>
                <a:lnTo>
                  <a:pt x="171" y="193"/>
                </a:lnTo>
                <a:lnTo>
                  <a:pt x="165" y="187"/>
                </a:lnTo>
                <a:lnTo>
                  <a:pt x="163" y="179"/>
                </a:lnTo>
                <a:close/>
              </a:path>
            </a:pathLst>
          </a:custGeom>
          <a:solidFill>
            <a:schemeClr val="bg1"/>
          </a:solidFill>
          <a:ln>
            <a:noFill/>
          </a:ln>
        </p:spPr>
        <p:txBody>
          <a:bodyPr/>
          <a:lstStyle/>
          <a:p>
            <a:endParaRPr lang="en-US" dirty="0">
              <a:solidFill>
                <a:prstClr val="black"/>
              </a:solidFill>
            </a:endParaRPr>
          </a:p>
        </p:txBody>
      </p:sp>
      <p:sp>
        <p:nvSpPr>
          <p:cNvPr id="26" name="TextBox 25"/>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27" name="TextBox 26"/>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28" name="Picture 2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Tree>
    <p:extLst>
      <p:ext uri="{BB962C8B-B14F-4D97-AF65-F5344CB8AC3E}">
        <p14:creationId xmlns:p14="http://schemas.microsoft.com/office/powerpoint/2010/main" val="258194040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p:cNvSpPr>
            <a:spLocks noGrp="1"/>
          </p:cNvSpPr>
          <p:nvPr>
            <p:ph type="sldNum" sz="quarter" idx="12"/>
          </p:nvPr>
        </p:nvSpPr>
        <p:spPr/>
        <p:txBody>
          <a:bodyPr/>
          <a:lstStyle/>
          <a:p>
            <a:fld id="{90AB8E2D-927C-4F86-9CD7-CF7787D1878F}" type="slidenum">
              <a:rPr lang="en-US" altLang="en-US" smtClean="0"/>
              <a:pPr/>
              <a:t>9</a:t>
            </a:fld>
            <a:endParaRPr lang="en-US" altLang="en-US" dirty="0"/>
          </a:p>
        </p:txBody>
      </p:sp>
      <p:sp>
        <p:nvSpPr>
          <p:cNvPr id="7" name="TextBox 6"/>
          <p:cNvSpPr txBox="1"/>
          <p:nvPr/>
        </p:nvSpPr>
        <p:spPr>
          <a:xfrm>
            <a:off x="457200" y="900187"/>
            <a:ext cx="11464290" cy="4862870"/>
          </a:xfrm>
          <a:prstGeom prst="rect">
            <a:avLst/>
          </a:prstGeom>
          <a:noFill/>
        </p:spPr>
        <p:txBody>
          <a:bodyPr wrap="square" rtlCol="0">
            <a:spAutoFit/>
          </a:bodyPr>
          <a:lstStyle/>
          <a:p>
            <a:r>
              <a:rPr lang="en-US" sz="2000" b="1" dirty="0">
                <a:latin typeface="Arial" panose="020B0604020202020204" pitchFamily="34" charset="0"/>
                <a:cs typeface="Arial" panose="020B0604020202020204" pitchFamily="34" charset="0"/>
              </a:rPr>
              <a:t>Customers living in areas of higher SDI are more likely to be non-adherent than customers living in areas of lower SDI*</a:t>
            </a:r>
          </a:p>
          <a:p>
            <a:endParaRPr lang="en-US" sz="2800" dirty="0"/>
          </a:p>
          <a:p>
            <a:endParaRPr lang="en-US" sz="2800" dirty="0"/>
          </a:p>
          <a:p>
            <a:endParaRPr lang="en-US" sz="2800" dirty="0"/>
          </a:p>
          <a:p>
            <a:endParaRPr lang="en-US" sz="2800" dirty="0"/>
          </a:p>
          <a:p>
            <a:endParaRPr lang="en-US" sz="2800" dirty="0"/>
          </a:p>
          <a:p>
            <a:endParaRPr lang="en-US" sz="2800" dirty="0"/>
          </a:p>
          <a:p>
            <a:endParaRPr lang="en-US" sz="2800" dirty="0"/>
          </a:p>
          <a:p>
            <a:endParaRPr lang="en-US" sz="2800" dirty="0"/>
          </a:p>
          <a:p>
            <a:endParaRPr lang="en-US" sz="2800" dirty="0"/>
          </a:p>
          <a:p>
            <a:r>
              <a:rPr lang="en-US" dirty="0"/>
              <a:t>*Medication Possession Ratio (medication adherence) for current rules associated with chronic disease management.</a:t>
            </a:r>
            <a:endParaRPr lang="en-US" b="1" dirty="0"/>
          </a:p>
        </p:txBody>
      </p:sp>
      <p:sp>
        <p:nvSpPr>
          <p:cNvPr id="9" name="Title 1"/>
          <p:cNvSpPr txBox="1">
            <a:spLocks/>
          </p:cNvSpPr>
          <p:nvPr/>
        </p:nvSpPr>
        <p:spPr>
          <a:xfrm>
            <a:off x="370773" y="-126868"/>
            <a:ext cx="10972800" cy="1143000"/>
          </a:xfrm>
          <a:prstGeom prst="rect">
            <a:avLst/>
          </a:prstGeom>
        </p:spPr>
        <p:txBody>
          <a:bodyPr vert="horz" lIns="91440" tIns="45720" rIns="91440" bIns="45720" rtlCol="0" anchor="ctr">
            <a:normAutofit/>
          </a:bodyPr>
          <a:lstStyle>
            <a:lvl1pPr algn="ctr" defTabSz="914400" rtl="0" eaLnBrk="1" latinLnBrk="0" hangingPunct="1">
              <a:spcBef>
                <a:spcPct val="0"/>
              </a:spcBef>
              <a:buNone/>
              <a:defRPr sz="4400" kern="1200">
                <a:solidFill>
                  <a:schemeClr val="tx1"/>
                </a:solidFill>
                <a:latin typeface="+mj-lt"/>
                <a:ea typeface="+mj-ea"/>
                <a:cs typeface="+mj-cs"/>
              </a:defRPr>
            </a:lvl1pPr>
          </a:lstStyle>
          <a:p>
            <a:pPr algn="l"/>
            <a:r>
              <a:rPr lang="en-US" sz="2400" b="1" dirty="0">
                <a:solidFill>
                  <a:schemeClr val="accent3"/>
                </a:solidFill>
                <a:cs typeface="Arial" panose="020B0604020202020204" pitchFamily="34" charset="0"/>
              </a:rPr>
              <a:t>Medication Adherence and SDI Categories </a:t>
            </a:r>
          </a:p>
        </p:txBody>
      </p:sp>
      <p:sp>
        <p:nvSpPr>
          <p:cNvPr id="2" name="Rectangle 1"/>
          <p:cNvSpPr/>
          <p:nvPr/>
        </p:nvSpPr>
        <p:spPr>
          <a:xfrm>
            <a:off x="811212" y="4139224"/>
            <a:ext cx="1816100" cy="738664"/>
          </a:xfrm>
          <a:prstGeom prst="rect">
            <a:avLst/>
          </a:prstGeom>
        </p:spPr>
        <p:txBody>
          <a:bodyPr wrap="square">
            <a:spAutoFit/>
          </a:bodyPr>
          <a:lstStyle/>
          <a:p>
            <a:pPr algn="ctr"/>
            <a:r>
              <a:rPr lang="en-US" sz="2400" b="1" dirty="0">
                <a:latin typeface="Arial" panose="020B0604020202020204" pitchFamily="34" charset="0"/>
                <a:cs typeface="Arial" panose="020B0604020202020204" pitchFamily="34" charset="0"/>
              </a:rPr>
              <a:t>Diabetes - </a:t>
            </a:r>
            <a:r>
              <a:rPr lang="en-US" dirty="0"/>
              <a:t>sulfonylurea </a:t>
            </a:r>
            <a:endParaRPr lang="en-US" b="1" dirty="0">
              <a:latin typeface="Arial" panose="020B0604020202020204" pitchFamily="34" charset="0"/>
              <a:cs typeface="Arial" panose="020B0604020202020204" pitchFamily="34" charset="0"/>
            </a:endParaRPr>
          </a:p>
        </p:txBody>
      </p:sp>
      <p:sp>
        <p:nvSpPr>
          <p:cNvPr id="3" name="Rectangle 2"/>
          <p:cNvSpPr/>
          <p:nvPr/>
        </p:nvSpPr>
        <p:spPr>
          <a:xfrm>
            <a:off x="3730455" y="4162096"/>
            <a:ext cx="1656223" cy="707886"/>
          </a:xfrm>
          <a:prstGeom prst="rect">
            <a:avLst/>
          </a:prstGeom>
        </p:spPr>
        <p:txBody>
          <a:bodyPr wrap="none">
            <a:spAutoFit/>
          </a:bodyPr>
          <a:lstStyle/>
          <a:p>
            <a:pPr lvl="0" algn="ctr"/>
            <a:r>
              <a:rPr lang="en-US" sz="2400" b="1" dirty="0">
                <a:latin typeface="Arial" panose="020B0604020202020204" pitchFamily="34" charset="0"/>
                <a:cs typeface="Arial" panose="020B0604020202020204" pitchFamily="34" charset="0"/>
              </a:rPr>
              <a:t>Diabetes- </a:t>
            </a:r>
          </a:p>
          <a:p>
            <a:pPr lvl="0" algn="ctr"/>
            <a:r>
              <a:rPr lang="en-US" sz="1600" dirty="0">
                <a:latin typeface="Arial" panose="020B0604020202020204" pitchFamily="34" charset="0"/>
                <a:cs typeface="Arial" panose="020B0604020202020204" pitchFamily="34" charset="0"/>
              </a:rPr>
              <a:t>Statin</a:t>
            </a:r>
          </a:p>
        </p:txBody>
      </p:sp>
      <p:sp>
        <p:nvSpPr>
          <p:cNvPr id="6" name="Rectangle 5"/>
          <p:cNvSpPr/>
          <p:nvPr/>
        </p:nvSpPr>
        <p:spPr>
          <a:xfrm>
            <a:off x="9191431" y="4162096"/>
            <a:ext cx="2492990" cy="707886"/>
          </a:xfrm>
          <a:prstGeom prst="rect">
            <a:avLst/>
          </a:prstGeom>
        </p:spPr>
        <p:txBody>
          <a:bodyPr wrap="none">
            <a:spAutoFit/>
          </a:bodyPr>
          <a:lstStyle/>
          <a:p>
            <a:pPr lvl="0" algn="ctr"/>
            <a:r>
              <a:rPr lang="en-US" sz="2400" b="1" dirty="0">
                <a:latin typeface="Arial" panose="020B0604020202020204" pitchFamily="34" charset="0"/>
                <a:cs typeface="Arial" panose="020B0604020202020204" pitchFamily="34" charset="0"/>
              </a:rPr>
              <a:t>Hypertension – </a:t>
            </a:r>
          </a:p>
          <a:p>
            <a:pPr lvl="0" algn="ctr"/>
            <a:r>
              <a:rPr lang="en-US" sz="1600" dirty="0">
                <a:latin typeface="Arial" panose="020B0604020202020204" pitchFamily="34" charset="0"/>
                <a:cs typeface="Arial" panose="020B0604020202020204" pitchFamily="34" charset="0"/>
              </a:rPr>
              <a:t>calcium channel blocker</a:t>
            </a:r>
            <a:endParaRPr lang="en-US" sz="1600" b="1" dirty="0">
              <a:latin typeface="Arial" panose="020B0604020202020204" pitchFamily="34" charset="0"/>
              <a:cs typeface="Arial" panose="020B0604020202020204" pitchFamily="34" charset="0"/>
            </a:endParaRPr>
          </a:p>
        </p:txBody>
      </p:sp>
      <p:sp>
        <p:nvSpPr>
          <p:cNvPr id="8" name="Rectangle 7"/>
          <p:cNvSpPr/>
          <p:nvPr/>
        </p:nvSpPr>
        <p:spPr>
          <a:xfrm>
            <a:off x="6489821" y="4162096"/>
            <a:ext cx="1810111" cy="677108"/>
          </a:xfrm>
          <a:prstGeom prst="rect">
            <a:avLst/>
          </a:prstGeom>
        </p:spPr>
        <p:txBody>
          <a:bodyPr wrap="none">
            <a:spAutoFit/>
          </a:bodyPr>
          <a:lstStyle/>
          <a:p>
            <a:pPr algn="ctr"/>
            <a:r>
              <a:rPr lang="en-US" sz="2400" b="1" dirty="0">
                <a:latin typeface="Arial" panose="020B0604020202020204" pitchFamily="34" charset="0"/>
                <a:cs typeface="Arial" panose="020B0604020202020204" pitchFamily="34" charset="0"/>
              </a:rPr>
              <a:t>Diabetes – </a:t>
            </a:r>
          </a:p>
          <a:p>
            <a:pPr algn="ctr"/>
            <a:r>
              <a:rPr lang="en-US" sz="1400" dirty="0">
                <a:latin typeface="Arial" panose="020B0604020202020204" pitchFamily="34" charset="0"/>
                <a:cs typeface="Arial" panose="020B0604020202020204" pitchFamily="34" charset="0"/>
              </a:rPr>
              <a:t>SGLT2 inhibitor</a:t>
            </a:r>
            <a:endParaRPr lang="en-US" sz="1400" b="1" dirty="0">
              <a:latin typeface="Arial" panose="020B0604020202020204" pitchFamily="34" charset="0"/>
              <a:cs typeface="Arial" panose="020B0604020202020204" pitchFamily="34" charset="0"/>
            </a:endParaRPr>
          </a:p>
        </p:txBody>
      </p:sp>
      <p:sp>
        <p:nvSpPr>
          <p:cNvPr id="10" name="Folded Corner 9"/>
          <p:cNvSpPr/>
          <p:nvPr/>
        </p:nvSpPr>
        <p:spPr>
          <a:xfrm>
            <a:off x="956869" y="2469847"/>
            <a:ext cx="1645920" cy="1645920"/>
          </a:xfrm>
          <a:prstGeom prst="foldedCorner">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Folded Corner 10"/>
          <p:cNvSpPr/>
          <p:nvPr/>
        </p:nvSpPr>
        <p:spPr>
          <a:xfrm>
            <a:off x="3764710" y="2523614"/>
            <a:ext cx="1645920" cy="1645920"/>
          </a:xfrm>
          <a:prstGeom prst="foldedCorner">
            <a:avLst/>
          </a:prstGeom>
          <a:solidFill>
            <a:srgbClr val="E3520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Folded Corner 11"/>
          <p:cNvSpPr/>
          <p:nvPr/>
        </p:nvSpPr>
        <p:spPr>
          <a:xfrm>
            <a:off x="6571918" y="2493304"/>
            <a:ext cx="1645920" cy="1645920"/>
          </a:xfrm>
          <a:prstGeom prst="foldedCorner">
            <a:avLst/>
          </a:prstGeom>
          <a:solidFill>
            <a:srgbClr val="00206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Folded Corner 12"/>
          <p:cNvSpPr/>
          <p:nvPr/>
        </p:nvSpPr>
        <p:spPr>
          <a:xfrm>
            <a:off x="9614961" y="2493304"/>
            <a:ext cx="1645920" cy="1645920"/>
          </a:xfrm>
          <a:prstGeom prst="foldedCorner">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Oval 13"/>
          <p:cNvSpPr/>
          <p:nvPr/>
        </p:nvSpPr>
        <p:spPr>
          <a:xfrm>
            <a:off x="1989508" y="1892165"/>
            <a:ext cx="1097280" cy="1097280"/>
          </a:xfrm>
          <a:prstGeom prst="ellipse">
            <a:avLst/>
          </a:prstGeom>
          <a:solidFill>
            <a:srgbClr val="002060"/>
          </a:solidFill>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400" b="1" dirty="0">
                <a:latin typeface="Arial Narrow" panose="020B0606020202030204" pitchFamily="34" charset="0"/>
              </a:rPr>
              <a:t>1.67</a:t>
            </a:r>
          </a:p>
        </p:txBody>
      </p:sp>
      <p:sp>
        <p:nvSpPr>
          <p:cNvPr id="15" name="Oval 14"/>
          <p:cNvSpPr/>
          <p:nvPr/>
        </p:nvSpPr>
        <p:spPr>
          <a:xfrm>
            <a:off x="4832885" y="1892165"/>
            <a:ext cx="1097280" cy="1097280"/>
          </a:xfrm>
          <a:prstGeom prst="ellipse">
            <a:avLst/>
          </a:prstGeom>
          <a:solidFill>
            <a:schemeClr val="accent6">
              <a:lumMod val="75000"/>
            </a:schemeClr>
          </a:solidFill>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400" b="1" dirty="0">
                <a:latin typeface="Arial Narrow" panose="020B0606020202030204" pitchFamily="34" charset="0"/>
              </a:rPr>
              <a:t>1.56</a:t>
            </a:r>
          </a:p>
        </p:txBody>
      </p:sp>
      <p:sp>
        <p:nvSpPr>
          <p:cNvPr id="16" name="Oval 15"/>
          <p:cNvSpPr/>
          <p:nvPr/>
        </p:nvSpPr>
        <p:spPr>
          <a:xfrm>
            <a:off x="7669198" y="1892165"/>
            <a:ext cx="1097280" cy="1097280"/>
          </a:xfrm>
          <a:prstGeom prst="ellipse">
            <a:avLst/>
          </a:prstGeom>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400" b="1" dirty="0">
                <a:latin typeface="Arial Narrow" panose="020B0606020202030204" pitchFamily="34" charset="0"/>
              </a:rPr>
              <a:t>1.53</a:t>
            </a:r>
          </a:p>
        </p:txBody>
      </p:sp>
      <p:sp>
        <p:nvSpPr>
          <p:cNvPr id="17" name="Oval 16"/>
          <p:cNvSpPr/>
          <p:nvPr/>
        </p:nvSpPr>
        <p:spPr>
          <a:xfrm>
            <a:off x="10712241" y="1892165"/>
            <a:ext cx="1097280" cy="1097280"/>
          </a:xfrm>
          <a:prstGeom prst="ellipse">
            <a:avLst/>
          </a:prstGeom>
          <a:solidFill>
            <a:srgbClr val="92D050"/>
          </a:solidFill>
          <a:ln w="762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400" b="1" dirty="0">
                <a:latin typeface="Arial Narrow" panose="020B0606020202030204" pitchFamily="34" charset="0"/>
              </a:rPr>
              <a:t>1.50</a:t>
            </a:r>
          </a:p>
        </p:txBody>
      </p:sp>
      <p:sp>
        <p:nvSpPr>
          <p:cNvPr id="28" name="Freeform 364"/>
          <p:cNvSpPr>
            <a:spLocks noEditPoints="1"/>
          </p:cNvSpPr>
          <p:nvPr/>
        </p:nvSpPr>
        <p:spPr bwMode="auto">
          <a:xfrm>
            <a:off x="4115528" y="3068232"/>
            <a:ext cx="880884" cy="706439"/>
          </a:xfrm>
          <a:custGeom>
            <a:avLst/>
            <a:gdLst>
              <a:gd name="T0" fmla="*/ 127000 w 426"/>
              <a:gd name="T1" fmla="*/ 177271 h 345"/>
              <a:gd name="T2" fmla="*/ 117475 w 426"/>
              <a:gd name="T3" fmla="*/ 182563 h 345"/>
              <a:gd name="T4" fmla="*/ 109008 w 426"/>
              <a:gd name="T5" fmla="*/ 177271 h 345"/>
              <a:gd name="T6" fmla="*/ 49742 w 426"/>
              <a:gd name="T7" fmla="*/ 118534 h 345"/>
              <a:gd name="T8" fmla="*/ 200554 w 426"/>
              <a:gd name="T9" fmla="*/ 86254 h 345"/>
              <a:gd name="T10" fmla="*/ 212196 w 426"/>
              <a:gd name="T11" fmla="*/ 64559 h 345"/>
              <a:gd name="T12" fmla="*/ 206375 w 426"/>
              <a:gd name="T13" fmla="*/ 32279 h 345"/>
              <a:gd name="T14" fmla="*/ 198967 w 426"/>
              <a:gd name="T15" fmla="*/ 24342 h 345"/>
              <a:gd name="T16" fmla="*/ 169333 w 426"/>
              <a:gd name="T17" fmla="*/ 12171 h 345"/>
              <a:gd name="T18" fmla="*/ 145521 w 426"/>
              <a:gd name="T19" fmla="*/ 19579 h 345"/>
              <a:gd name="T20" fmla="*/ 126471 w 426"/>
              <a:gd name="T21" fmla="*/ 37042 h 345"/>
              <a:gd name="T22" fmla="*/ 122767 w 426"/>
              <a:gd name="T23" fmla="*/ 39688 h 345"/>
              <a:gd name="T24" fmla="*/ 115358 w 426"/>
              <a:gd name="T25" fmla="*/ 40746 h 345"/>
              <a:gd name="T26" fmla="*/ 109008 w 426"/>
              <a:gd name="T27" fmla="*/ 37042 h 345"/>
              <a:gd name="T28" fmla="*/ 83608 w 426"/>
              <a:gd name="T29" fmla="*/ 15875 h 345"/>
              <a:gd name="T30" fmla="*/ 58737 w 426"/>
              <a:gd name="T31" fmla="*/ 12700 h 345"/>
              <a:gd name="T32" fmla="*/ 35454 w 426"/>
              <a:gd name="T33" fmla="*/ 25929 h 345"/>
              <a:gd name="T34" fmla="*/ 23813 w 426"/>
              <a:gd name="T35" fmla="*/ 46567 h 345"/>
              <a:gd name="T36" fmla="*/ 27517 w 426"/>
              <a:gd name="T37" fmla="*/ 75671 h 345"/>
              <a:gd name="T38" fmla="*/ 13758 w 426"/>
              <a:gd name="T39" fmla="*/ 74084 h 345"/>
              <a:gd name="T40" fmla="*/ 12700 w 426"/>
              <a:gd name="T41" fmla="*/ 39688 h 345"/>
              <a:gd name="T42" fmla="*/ 28046 w 426"/>
              <a:gd name="T43" fmla="*/ 15875 h 345"/>
              <a:gd name="T44" fmla="*/ 41275 w 426"/>
              <a:gd name="T45" fmla="*/ 6350 h 345"/>
              <a:gd name="T46" fmla="*/ 61912 w 426"/>
              <a:gd name="T47" fmla="*/ 529 h 345"/>
              <a:gd name="T48" fmla="*/ 77788 w 426"/>
              <a:gd name="T49" fmla="*/ 1058 h 345"/>
              <a:gd name="T50" fmla="*/ 97367 w 426"/>
              <a:gd name="T51" fmla="*/ 8996 h 345"/>
              <a:gd name="T52" fmla="*/ 130175 w 426"/>
              <a:gd name="T53" fmla="*/ 15875 h 345"/>
              <a:gd name="T54" fmla="*/ 143404 w 426"/>
              <a:gd name="T55" fmla="*/ 6350 h 345"/>
              <a:gd name="T56" fmla="*/ 163513 w 426"/>
              <a:gd name="T57" fmla="*/ 529 h 345"/>
              <a:gd name="T58" fmla="*/ 180446 w 426"/>
              <a:gd name="T59" fmla="*/ 1058 h 345"/>
              <a:gd name="T60" fmla="*/ 200025 w 426"/>
              <a:gd name="T61" fmla="*/ 8996 h 345"/>
              <a:gd name="T62" fmla="*/ 209550 w 426"/>
              <a:gd name="T63" fmla="*/ 17463 h 345"/>
              <a:gd name="T64" fmla="*/ 221721 w 426"/>
              <a:gd name="T65" fmla="*/ 35454 h 345"/>
              <a:gd name="T66" fmla="*/ 225425 w 426"/>
              <a:gd name="T67" fmla="*/ 56621 h 345"/>
              <a:gd name="T68" fmla="*/ 221721 w 426"/>
              <a:gd name="T69" fmla="*/ 76729 h 345"/>
              <a:gd name="T70" fmla="*/ 209550 w 426"/>
              <a:gd name="T71" fmla="*/ 95250 h 345"/>
              <a:gd name="T72" fmla="*/ 101071 w 426"/>
              <a:gd name="T73" fmla="*/ 127000 h 345"/>
              <a:gd name="T74" fmla="*/ 118533 w 426"/>
              <a:gd name="T75" fmla="*/ 78846 h 345"/>
              <a:gd name="T76" fmla="*/ 128587 w 426"/>
              <a:gd name="T77" fmla="*/ 105304 h 345"/>
              <a:gd name="T78" fmla="*/ 156104 w 426"/>
              <a:gd name="T79" fmla="*/ 106892 h 345"/>
              <a:gd name="T80" fmla="*/ 161925 w 426"/>
              <a:gd name="T81" fmla="*/ 101071 h 345"/>
              <a:gd name="T82" fmla="*/ 158221 w 426"/>
              <a:gd name="T83" fmla="*/ 95250 h 345"/>
              <a:gd name="T84" fmla="*/ 123296 w 426"/>
              <a:gd name="T85" fmla="*/ 58208 h 345"/>
              <a:gd name="T86" fmla="*/ 117475 w 426"/>
              <a:gd name="T87" fmla="*/ 53446 h 345"/>
              <a:gd name="T88" fmla="*/ 112712 w 426"/>
              <a:gd name="T89" fmla="*/ 56621 h 345"/>
              <a:gd name="T90" fmla="*/ 85196 w 426"/>
              <a:gd name="T91" fmla="*/ 78317 h 345"/>
              <a:gd name="T92" fmla="*/ 76729 w 426"/>
              <a:gd name="T93" fmla="*/ 76200 h 345"/>
              <a:gd name="T94" fmla="*/ 6350 w 426"/>
              <a:gd name="T95" fmla="*/ 94192 h 345"/>
              <a:gd name="T96" fmla="*/ 0 w 426"/>
              <a:gd name="T97" fmla="*/ 100013 h 345"/>
              <a:gd name="T98" fmla="*/ 4233 w 426"/>
              <a:gd name="T99" fmla="*/ 105834 h 345"/>
              <a:gd name="T100" fmla="*/ 68263 w 426"/>
              <a:gd name="T101" fmla="*/ 105834 h 345"/>
              <a:gd name="T102" fmla="*/ 93663 w 426"/>
              <a:gd name="T103" fmla="*/ 124355 h 345"/>
              <a:gd name="T104" fmla="*/ 98954 w 426"/>
              <a:gd name="T105" fmla="*/ 127000 h 345"/>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0" t="0" r="r" b="b"/>
            <a:pathLst>
              <a:path w="426" h="345">
                <a:moveTo>
                  <a:pt x="396" y="180"/>
                </a:moveTo>
                <a:lnTo>
                  <a:pt x="240" y="335"/>
                </a:lnTo>
                <a:lnTo>
                  <a:pt x="232" y="342"/>
                </a:lnTo>
                <a:lnTo>
                  <a:pt x="228" y="343"/>
                </a:lnTo>
                <a:lnTo>
                  <a:pt x="222" y="345"/>
                </a:lnTo>
                <a:lnTo>
                  <a:pt x="218" y="343"/>
                </a:lnTo>
                <a:lnTo>
                  <a:pt x="214" y="341"/>
                </a:lnTo>
                <a:lnTo>
                  <a:pt x="206" y="335"/>
                </a:lnTo>
                <a:lnTo>
                  <a:pt x="94" y="224"/>
                </a:lnTo>
                <a:lnTo>
                  <a:pt x="126" y="224"/>
                </a:lnTo>
                <a:lnTo>
                  <a:pt x="222" y="320"/>
                </a:lnTo>
                <a:lnTo>
                  <a:pt x="379" y="163"/>
                </a:lnTo>
                <a:lnTo>
                  <a:pt x="385" y="158"/>
                </a:lnTo>
                <a:lnTo>
                  <a:pt x="390" y="151"/>
                </a:lnTo>
                <a:lnTo>
                  <a:pt x="397" y="137"/>
                </a:lnTo>
                <a:lnTo>
                  <a:pt x="401" y="122"/>
                </a:lnTo>
                <a:lnTo>
                  <a:pt x="403" y="107"/>
                </a:lnTo>
                <a:lnTo>
                  <a:pt x="401" y="92"/>
                </a:lnTo>
                <a:lnTo>
                  <a:pt x="397" y="77"/>
                </a:lnTo>
                <a:lnTo>
                  <a:pt x="390" y="61"/>
                </a:lnTo>
                <a:lnTo>
                  <a:pt x="385" y="56"/>
                </a:lnTo>
                <a:lnTo>
                  <a:pt x="379" y="49"/>
                </a:lnTo>
                <a:lnTo>
                  <a:pt x="376" y="46"/>
                </a:lnTo>
                <a:lnTo>
                  <a:pt x="364" y="37"/>
                </a:lnTo>
                <a:lnTo>
                  <a:pt x="350" y="30"/>
                </a:lnTo>
                <a:lnTo>
                  <a:pt x="335" y="24"/>
                </a:lnTo>
                <a:lnTo>
                  <a:pt x="320" y="23"/>
                </a:lnTo>
                <a:lnTo>
                  <a:pt x="304" y="24"/>
                </a:lnTo>
                <a:lnTo>
                  <a:pt x="288" y="30"/>
                </a:lnTo>
                <a:lnTo>
                  <a:pt x="275" y="37"/>
                </a:lnTo>
                <a:lnTo>
                  <a:pt x="262" y="46"/>
                </a:lnTo>
                <a:lnTo>
                  <a:pt x="246" y="63"/>
                </a:lnTo>
                <a:lnTo>
                  <a:pt x="246" y="64"/>
                </a:lnTo>
                <a:lnTo>
                  <a:pt x="239" y="70"/>
                </a:lnTo>
                <a:lnTo>
                  <a:pt x="232" y="75"/>
                </a:lnTo>
                <a:lnTo>
                  <a:pt x="228" y="77"/>
                </a:lnTo>
                <a:lnTo>
                  <a:pt x="222" y="78"/>
                </a:lnTo>
                <a:lnTo>
                  <a:pt x="218" y="77"/>
                </a:lnTo>
                <a:lnTo>
                  <a:pt x="214" y="75"/>
                </a:lnTo>
                <a:lnTo>
                  <a:pt x="207" y="70"/>
                </a:lnTo>
                <a:lnTo>
                  <a:pt x="206" y="70"/>
                </a:lnTo>
                <a:lnTo>
                  <a:pt x="184" y="46"/>
                </a:lnTo>
                <a:lnTo>
                  <a:pt x="172" y="37"/>
                </a:lnTo>
                <a:lnTo>
                  <a:pt x="158" y="30"/>
                </a:lnTo>
                <a:lnTo>
                  <a:pt x="143" y="24"/>
                </a:lnTo>
                <a:lnTo>
                  <a:pt x="126" y="23"/>
                </a:lnTo>
                <a:lnTo>
                  <a:pt x="111" y="24"/>
                </a:lnTo>
                <a:lnTo>
                  <a:pt x="96" y="30"/>
                </a:lnTo>
                <a:lnTo>
                  <a:pt x="82" y="37"/>
                </a:lnTo>
                <a:lnTo>
                  <a:pt x="70" y="46"/>
                </a:lnTo>
                <a:lnTo>
                  <a:pt x="67" y="49"/>
                </a:lnTo>
                <a:lnTo>
                  <a:pt x="57" y="61"/>
                </a:lnTo>
                <a:lnTo>
                  <a:pt x="50" y="74"/>
                </a:lnTo>
                <a:lnTo>
                  <a:pt x="45" y="88"/>
                </a:lnTo>
                <a:lnTo>
                  <a:pt x="44" y="101"/>
                </a:lnTo>
                <a:lnTo>
                  <a:pt x="44" y="115"/>
                </a:lnTo>
                <a:lnTo>
                  <a:pt x="46" y="129"/>
                </a:lnTo>
                <a:lnTo>
                  <a:pt x="52" y="143"/>
                </a:lnTo>
                <a:lnTo>
                  <a:pt x="59" y="155"/>
                </a:lnTo>
                <a:lnTo>
                  <a:pt x="33" y="155"/>
                </a:lnTo>
                <a:lnTo>
                  <a:pt x="26" y="140"/>
                </a:lnTo>
                <a:lnTo>
                  <a:pt x="22" y="125"/>
                </a:lnTo>
                <a:lnTo>
                  <a:pt x="20" y="108"/>
                </a:lnTo>
                <a:lnTo>
                  <a:pt x="22" y="92"/>
                </a:lnTo>
                <a:lnTo>
                  <a:pt x="24" y="75"/>
                </a:lnTo>
                <a:lnTo>
                  <a:pt x="31" y="60"/>
                </a:lnTo>
                <a:lnTo>
                  <a:pt x="39" y="46"/>
                </a:lnTo>
                <a:lnTo>
                  <a:pt x="50" y="33"/>
                </a:lnTo>
                <a:lnTo>
                  <a:pt x="53" y="30"/>
                </a:lnTo>
                <a:lnTo>
                  <a:pt x="60" y="23"/>
                </a:lnTo>
                <a:lnTo>
                  <a:pt x="68" y="17"/>
                </a:lnTo>
                <a:lnTo>
                  <a:pt x="78" y="12"/>
                </a:lnTo>
                <a:lnTo>
                  <a:pt x="86" y="8"/>
                </a:lnTo>
                <a:lnTo>
                  <a:pt x="96" y="5"/>
                </a:lnTo>
                <a:lnTo>
                  <a:pt x="105" y="2"/>
                </a:lnTo>
                <a:lnTo>
                  <a:pt x="117" y="1"/>
                </a:lnTo>
                <a:lnTo>
                  <a:pt x="126" y="0"/>
                </a:lnTo>
                <a:lnTo>
                  <a:pt x="137" y="1"/>
                </a:lnTo>
                <a:lnTo>
                  <a:pt x="147" y="2"/>
                </a:lnTo>
                <a:lnTo>
                  <a:pt x="156" y="5"/>
                </a:lnTo>
                <a:lnTo>
                  <a:pt x="166" y="8"/>
                </a:lnTo>
                <a:lnTo>
                  <a:pt x="176" y="12"/>
                </a:lnTo>
                <a:lnTo>
                  <a:pt x="184" y="17"/>
                </a:lnTo>
                <a:lnTo>
                  <a:pt x="192" y="23"/>
                </a:lnTo>
                <a:lnTo>
                  <a:pt x="200" y="30"/>
                </a:lnTo>
                <a:lnTo>
                  <a:pt x="222" y="53"/>
                </a:lnTo>
                <a:lnTo>
                  <a:pt x="246" y="30"/>
                </a:lnTo>
                <a:lnTo>
                  <a:pt x="254" y="23"/>
                </a:lnTo>
                <a:lnTo>
                  <a:pt x="262" y="17"/>
                </a:lnTo>
                <a:lnTo>
                  <a:pt x="271" y="12"/>
                </a:lnTo>
                <a:lnTo>
                  <a:pt x="280" y="8"/>
                </a:lnTo>
                <a:lnTo>
                  <a:pt x="290" y="5"/>
                </a:lnTo>
                <a:lnTo>
                  <a:pt x="299" y="2"/>
                </a:lnTo>
                <a:lnTo>
                  <a:pt x="309" y="1"/>
                </a:lnTo>
                <a:lnTo>
                  <a:pt x="320" y="0"/>
                </a:lnTo>
                <a:lnTo>
                  <a:pt x="330" y="1"/>
                </a:lnTo>
                <a:lnTo>
                  <a:pt x="341" y="2"/>
                </a:lnTo>
                <a:lnTo>
                  <a:pt x="350" y="5"/>
                </a:lnTo>
                <a:lnTo>
                  <a:pt x="360" y="8"/>
                </a:lnTo>
                <a:lnTo>
                  <a:pt x="368" y="12"/>
                </a:lnTo>
                <a:lnTo>
                  <a:pt x="378" y="17"/>
                </a:lnTo>
                <a:lnTo>
                  <a:pt x="386" y="23"/>
                </a:lnTo>
                <a:lnTo>
                  <a:pt x="393" y="30"/>
                </a:lnTo>
                <a:lnTo>
                  <a:pt x="396" y="33"/>
                </a:lnTo>
                <a:lnTo>
                  <a:pt x="403" y="41"/>
                </a:lnTo>
                <a:lnTo>
                  <a:pt x="409" y="49"/>
                </a:lnTo>
                <a:lnTo>
                  <a:pt x="414" y="59"/>
                </a:lnTo>
                <a:lnTo>
                  <a:pt x="419" y="67"/>
                </a:lnTo>
                <a:lnTo>
                  <a:pt x="422" y="77"/>
                </a:lnTo>
                <a:lnTo>
                  <a:pt x="425" y="86"/>
                </a:lnTo>
                <a:lnTo>
                  <a:pt x="426" y="97"/>
                </a:lnTo>
                <a:lnTo>
                  <a:pt x="426" y="107"/>
                </a:lnTo>
                <a:lnTo>
                  <a:pt x="426" y="116"/>
                </a:lnTo>
                <a:lnTo>
                  <a:pt x="425" y="126"/>
                </a:lnTo>
                <a:lnTo>
                  <a:pt x="422" y="136"/>
                </a:lnTo>
                <a:lnTo>
                  <a:pt x="419" y="145"/>
                </a:lnTo>
                <a:lnTo>
                  <a:pt x="414" y="155"/>
                </a:lnTo>
                <a:lnTo>
                  <a:pt x="409" y="163"/>
                </a:lnTo>
                <a:lnTo>
                  <a:pt x="403" y="173"/>
                </a:lnTo>
                <a:lnTo>
                  <a:pt x="396" y="180"/>
                </a:lnTo>
                <a:close/>
                <a:moveTo>
                  <a:pt x="188" y="240"/>
                </a:moveTo>
                <a:lnTo>
                  <a:pt x="188" y="240"/>
                </a:lnTo>
                <a:lnTo>
                  <a:pt x="191" y="240"/>
                </a:lnTo>
                <a:lnTo>
                  <a:pt x="194" y="239"/>
                </a:lnTo>
                <a:lnTo>
                  <a:pt x="196" y="236"/>
                </a:lnTo>
                <a:lnTo>
                  <a:pt x="198" y="233"/>
                </a:lnTo>
                <a:lnTo>
                  <a:pt x="224" y="149"/>
                </a:lnTo>
                <a:lnTo>
                  <a:pt x="239" y="193"/>
                </a:lnTo>
                <a:lnTo>
                  <a:pt x="242" y="198"/>
                </a:lnTo>
                <a:lnTo>
                  <a:pt x="243" y="199"/>
                </a:lnTo>
                <a:lnTo>
                  <a:pt x="247" y="202"/>
                </a:lnTo>
                <a:lnTo>
                  <a:pt x="250" y="202"/>
                </a:lnTo>
                <a:lnTo>
                  <a:pt x="295" y="202"/>
                </a:lnTo>
                <a:lnTo>
                  <a:pt x="299" y="200"/>
                </a:lnTo>
                <a:lnTo>
                  <a:pt x="302" y="199"/>
                </a:lnTo>
                <a:lnTo>
                  <a:pt x="305" y="195"/>
                </a:lnTo>
                <a:lnTo>
                  <a:pt x="306" y="191"/>
                </a:lnTo>
                <a:lnTo>
                  <a:pt x="305" y="185"/>
                </a:lnTo>
                <a:lnTo>
                  <a:pt x="302" y="182"/>
                </a:lnTo>
                <a:lnTo>
                  <a:pt x="299" y="180"/>
                </a:lnTo>
                <a:lnTo>
                  <a:pt x="295" y="178"/>
                </a:lnTo>
                <a:lnTo>
                  <a:pt x="258" y="178"/>
                </a:lnTo>
                <a:lnTo>
                  <a:pt x="233" y="110"/>
                </a:lnTo>
                <a:lnTo>
                  <a:pt x="232" y="105"/>
                </a:lnTo>
                <a:lnTo>
                  <a:pt x="229" y="103"/>
                </a:lnTo>
                <a:lnTo>
                  <a:pt x="225" y="101"/>
                </a:lnTo>
                <a:lnTo>
                  <a:pt x="222" y="101"/>
                </a:lnTo>
                <a:lnTo>
                  <a:pt x="218" y="103"/>
                </a:lnTo>
                <a:lnTo>
                  <a:pt x="216" y="104"/>
                </a:lnTo>
                <a:lnTo>
                  <a:pt x="213" y="107"/>
                </a:lnTo>
                <a:lnTo>
                  <a:pt x="211" y="110"/>
                </a:lnTo>
                <a:lnTo>
                  <a:pt x="184" y="198"/>
                </a:lnTo>
                <a:lnTo>
                  <a:pt x="161" y="148"/>
                </a:lnTo>
                <a:lnTo>
                  <a:pt x="156" y="144"/>
                </a:lnTo>
                <a:lnTo>
                  <a:pt x="151" y="143"/>
                </a:lnTo>
                <a:lnTo>
                  <a:pt x="145" y="144"/>
                </a:lnTo>
                <a:lnTo>
                  <a:pt x="140" y="147"/>
                </a:lnTo>
                <a:lnTo>
                  <a:pt x="118" y="178"/>
                </a:lnTo>
                <a:lnTo>
                  <a:pt x="12" y="178"/>
                </a:lnTo>
                <a:lnTo>
                  <a:pt x="8" y="178"/>
                </a:lnTo>
                <a:lnTo>
                  <a:pt x="4" y="181"/>
                </a:lnTo>
                <a:lnTo>
                  <a:pt x="1" y="185"/>
                </a:lnTo>
                <a:lnTo>
                  <a:pt x="0" y="189"/>
                </a:lnTo>
                <a:lnTo>
                  <a:pt x="1" y="193"/>
                </a:lnTo>
                <a:lnTo>
                  <a:pt x="4" y="198"/>
                </a:lnTo>
                <a:lnTo>
                  <a:pt x="8" y="200"/>
                </a:lnTo>
                <a:lnTo>
                  <a:pt x="12" y="202"/>
                </a:lnTo>
                <a:lnTo>
                  <a:pt x="123" y="202"/>
                </a:lnTo>
                <a:lnTo>
                  <a:pt x="129" y="200"/>
                </a:lnTo>
                <a:lnTo>
                  <a:pt x="133" y="196"/>
                </a:lnTo>
                <a:lnTo>
                  <a:pt x="148" y="176"/>
                </a:lnTo>
                <a:lnTo>
                  <a:pt x="177" y="235"/>
                </a:lnTo>
                <a:lnTo>
                  <a:pt x="178" y="237"/>
                </a:lnTo>
                <a:lnTo>
                  <a:pt x="181" y="239"/>
                </a:lnTo>
                <a:lnTo>
                  <a:pt x="184" y="240"/>
                </a:lnTo>
                <a:lnTo>
                  <a:pt x="187" y="240"/>
                </a:lnTo>
                <a:lnTo>
                  <a:pt x="188" y="240"/>
                </a:lnTo>
                <a:close/>
              </a:path>
            </a:pathLst>
          </a:custGeom>
          <a:solidFill>
            <a:schemeClr val="bg1"/>
          </a:solidFill>
          <a:ln w="9525">
            <a:noFill/>
            <a:round/>
            <a:headEnd/>
            <a:tailEnd/>
          </a:ln>
        </p:spPr>
        <p:txBody>
          <a:bodyPr/>
          <a:lstStyle/>
          <a:p>
            <a:endParaRPr lang="en-US" dirty="0">
              <a:solidFill>
                <a:prstClr val="black"/>
              </a:solidFill>
            </a:endParaRPr>
          </a:p>
        </p:txBody>
      </p:sp>
      <p:sp>
        <p:nvSpPr>
          <p:cNvPr id="29" name="Freeform 361"/>
          <p:cNvSpPr>
            <a:spLocks noEditPoints="1"/>
          </p:cNvSpPr>
          <p:nvPr/>
        </p:nvSpPr>
        <p:spPr bwMode="auto">
          <a:xfrm>
            <a:off x="1311586" y="2970406"/>
            <a:ext cx="778771" cy="714075"/>
          </a:xfrm>
          <a:custGeom>
            <a:avLst/>
            <a:gdLst>
              <a:gd name="T0" fmla="*/ 188467 w 424"/>
              <a:gd name="T1" fmla="*/ 108479 h 414"/>
              <a:gd name="T2" fmla="*/ 223310 w 424"/>
              <a:gd name="T3" fmla="*/ 85725 h 414"/>
              <a:gd name="T4" fmla="*/ 188467 w 424"/>
              <a:gd name="T5" fmla="*/ 24342 h 414"/>
              <a:gd name="T6" fmla="*/ 150457 w 424"/>
              <a:gd name="T7" fmla="*/ 5821 h 414"/>
              <a:gd name="T8" fmla="*/ 144650 w 424"/>
              <a:gd name="T9" fmla="*/ 0 h 414"/>
              <a:gd name="T10" fmla="*/ 74437 w 424"/>
              <a:gd name="T11" fmla="*/ 3704 h 414"/>
              <a:gd name="T12" fmla="*/ 38538 w 424"/>
              <a:gd name="T13" fmla="*/ 24342 h 414"/>
              <a:gd name="T14" fmla="*/ 1056 w 424"/>
              <a:gd name="T15" fmla="*/ 83608 h 414"/>
              <a:gd name="T16" fmla="*/ 3168 w 424"/>
              <a:gd name="T17" fmla="*/ 91546 h 414"/>
              <a:gd name="T18" fmla="*/ 1056 w 424"/>
              <a:gd name="T19" fmla="*/ 133350 h 414"/>
              <a:gd name="T20" fmla="*/ 34843 w 424"/>
              <a:gd name="T21" fmla="*/ 193675 h 414"/>
              <a:gd name="T22" fmla="*/ 43289 w 424"/>
              <a:gd name="T23" fmla="*/ 195792 h 414"/>
              <a:gd name="T24" fmla="*/ 75493 w 424"/>
              <a:gd name="T25" fmla="*/ 217487 h 414"/>
              <a:gd name="T26" fmla="*/ 146762 w 424"/>
              <a:gd name="T27" fmla="*/ 218546 h 414"/>
              <a:gd name="T28" fmla="*/ 183188 w 424"/>
              <a:gd name="T29" fmla="*/ 194204 h 414"/>
              <a:gd name="T30" fmla="*/ 191107 w 424"/>
              <a:gd name="T31" fmla="*/ 191558 h 414"/>
              <a:gd name="T32" fmla="*/ 223838 w 424"/>
              <a:gd name="T33" fmla="*/ 131233 h 414"/>
              <a:gd name="T34" fmla="*/ 140955 w 424"/>
              <a:gd name="T35" fmla="*/ 159279 h 414"/>
              <a:gd name="T36" fmla="*/ 86051 w 424"/>
              <a:gd name="T37" fmla="*/ 206904 h 414"/>
              <a:gd name="T38" fmla="*/ 82883 w 424"/>
              <a:gd name="T39" fmla="*/ 160867 h 414"/>
              <a:gd name="T40" fmla="*/ 51208 w 424"/>
              <a:gd name="T41" fmla="*/ 115887 h 414"/>
              <a:gd name="T42" fmla="*/ 53320 w 424"/>
              <a:gd name="T43" fmla="*/ 106892 h 414"/>
              <a:gd name="T44" fmla="*/ 77076 w 424"/>
              <a:gd name="T45" fmla="*/ 59796 h 414"/>
              <a:gd name="T46" fmla="*/ 86051 w 424"/>
              <a:gd name="T47" fmla="*/ 53975 h 414"/>
              <a:gd name="T48" fmla="*/ 138843 w 424"/>
              <a:gd name="T49" fmla="*/ 55562 h 414"/>
              <a:gd name="T50" fmla="*/ 182660 w 424"/>
              <a:gd name="T51" fmla="*/ 37042 h 414"/>
              <a:gd name="T52" fmla="*/ 169990 w 424"/>
              <a:gd name="T53" fmla="*/ 109008 h 414"/>
              <a:gd name="T54" fmla="*/ 183716 w 424"/>
              <a:gd name="T55" fmla="*/ 180446 h 414"/>
              <a:gd name="T56" fmla="*/ 136731 w 424"/>
              <a:gd name="T57" fmla="*/ 127529 h 414"/>
              <a:gd name="T58" fmla="*/ 121422 w 424"/>
              <a:gd name="T59" fmla="*/ 133350 h 414"/>
              <a:gd name="T60" fmla="*/ 100305 w 424"/>
              <a:gd name="T61" fmla="*/ 143933 h 414"/>
              <a:gd name="T62" fmla="*/ 104000 w 424"/>
              <a:gd name="T63" fmla="*/ 152400 h 414"/>
              <a:gd name="T64" fmla="*/ 117198 w 424"/>
              <a:gd name="T65" fmla="*/ 162454 h 414"/>
              <a:gd name="T66" fmla="*/ 130396 w 424"/>
              <a:gd name="T67" fmla="*/ 175683 h 414"/>
              <a:gd name="T68" fmla="*/ 125117 w 424"/>
              <a:gd name="T69" fmla="*/ 179917 h 414"/>
              <a:gd name="T70" fmla="*/ 117198 w 424"/>
              <a:gd name="T71" fmla="*/ 183621 h 414"/>
              <a:gd name="T72" fmla="*/ 111919 w 424"/>
              <a:gd name="T73" fmla="*/ 188383 h 414"/>
              <a:gd name="T74" fmla="*/ 107168 w 424"/>
              <a:gd name="T75" fmla="*/ 183621 h 414"/>
              <a:gd name="T76" fmla="*/ 96081 w 424"/>
              <a:gd name="T77" fmla="*/ 159279 h 414"/>
              <a:gd name="T78" fmla="*/ 89746 w 424"/>
              <a:gd name="T79" fmla="*/ 142875 h 414"/>
              <a:gd name="T80" fmla="*/ 100305 w 424"/>
              <a:gd name="T81" fmla="*/ 131233 h 414"/>
              <a:gd name="T82" fmla="*/ 111391 w 424"/>
              <a:gd name="T83" fmla="*/ 83079 h 414"/>
              <a:gd name="T84" fmla="*/ 127757 w 424"/>
              <a:gd name="T85" fmla="*/ 120121 h 414"/>
              <a:gd name="T86" fmla="*/ 126701 w 424"/>
              <a:gd name="T87" fmla="*/ 104775 h 414"/>
              <a:gd name="T88" fmla="*/ 140955 w 424"/>
              <a:gd name="T89" fmla="*/ 115887 h 414"/>
              <a:gd name="T90" fmla="*/ 84995 w 424"/>
              <a:gd name="T91" fmla="*/ 91017 h 414"/>
              <a:gd name="T92" fmla="*/ 92914 w 424"/>
              <a:gd name="T93" fmla="*/ 73025 h 414"/>
              <a:gd name="T94" fmla="*/ 107168 w 424"/>
              <a:gd name="T95" fmla="*/ 65087 h 414"/>
              <a:gd name="T96" fmla="*/ 101889 w 424"/>
              <a:gd name="T97" fmla="*/ 48683 h 414"/>
              <a:gd name="T98" fmla="*/ 107696 w 424"/>
              <a:gd name="T99" fmla="*/ 36513 h 414"/>
              <a:gd name="T100" fmla="*/ 121422 w 424"/>
              <a:gd name="T101" fmla="*/ 42333 h 414"/>
              <a:gd name="T102" fmla="*/ 119310 w 424"/>
              <a:gd name="T103" fmla="*/ 53446 h 414"/>
              <a:gd name="T104" fmla="*/ 130924 w 424"/>
              <a:gd name="T105" fmla="*/ 64029 h 414"/>
              <a:gd name="T106" fmla="*/ 140427 w 424"/>
              <a:gd name="T107" fmla="*/ 70908 h 414"/>
              <a:gd name="T108" fmla="*/ 135147 w 424"/>
              <a:gd name="T109" fmla="*/ 75671 h 414"/>
              <a:gd name="T110" fmla="*/ 120894 w 424"/>
              <a:gd name="T111" fmla="*/ 73554 h 414"/>
              <a:gd name="T112" fmla="*/ 100305 w 424"/>
              <a:gd name="T113" fmla="*/ 79904 h 414"/>
              <a:gd name="T114" fmla="*/ 96081 w 424"/>
              <a:gd name="T115" fmla="*/ 90488 h 414"/>
              <a:gd name="T116" fmla="*/ 98193 w 424"/>
              <a:gd name="T117" fmla="*/ 107950 h 414"/>
              <a:gd name="T118" fmla="*/ 86051 w 424"/>
              <a:gd name="T119" fmla="*/ 94721 h 414"/>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Lst>
            <a:ahLst/>
            <a:cxnLst>
              <a:cxn ang="T120">
                <a:pos x="T0" y="T1"/>
              </a:cxn>
              <a:cxn ang="T121">
                <a:pos x="T2" y="T3"/>
              </a:cxn>
              <a:cxn ang="T122">
                <a:pos x="T4" y="T5"/>
              </a:cxn>
              <a:cxn ang="T123">
                <a:pos x="T6" y="T7"/>
              </a:cxn>
              <a:cxn ang="T124">
                <a:pos x="T8" y="T9"/>
              </a:cxn>
              <a:cxn ang="T125">
                <a:pos x="T10" y="T11"/>
              </a:cxn>
              <a:cxn ang="T126">
                <a:pos x="T12" y="T13"/>
              </a:cxn>
              <a:cxn ang="T127">
                <a:pos x="T14" y="T15"/>
              </a:cxn>
              <a:cxn ang="T128">
                <a:pos x="T16" y="T17"/>
              </a:cxn>
              <a:cxn ang="T129">
                <a:pos x="T18" y="T19"/>
              </a:cxn>
              <a:cxn ang="T130">
                <a:pos x="T20" y="T21"/>
              </a:cxn>
              <a:cxn ang="T131">
                <a:pos x="T22" y="T23"/>
              </a:cxn>
              <a:cxn ang="T132">
                <a:pos x="T24" y="T25"/>
              </a:cxn>
              <a:cxn ang="T133">
                <a:pos x="T26" y="T27"/>
              </a:cxn>
              <a:cxn ang="T134">
                <a:pos x="T28" y="T29"/>
              </a:cxn>
              <a:cxn ang="T135">
                <a:pos x="T30" y="T31"/>
              </a:cxn>
              <a:cxn ang="T136">
                <a:pos x="T32" y="T33"/>
              </a:cxn>
              <a:cxn ang="T137">
                <a:pos x="T34" y="T35"/>
              </a:cxn>
              <a:cxn ang="T138">
                <a:pos x="T36" y="T37"/>
              </a:cxn>
              <a:cxn ang="T139">
                <a:pos x="T38" y="T39"/>
              </a:cxn>
              <a:cxn ang="T140">
                <a:pos x="T40" y="T41"/>
              </a:cxn>
              <a:cxn ang="T141">
                <a:pos x="T42" y="T43"/>
              </a:cxn>
              <a:cxn ang="T142">
                <a:pos x="T44" y="T45"/>
              </a:cxn>
              <a:cxn ang="T143">
                <a:pos x="T46" y="T47"/>
              </a:cxn>
              <a:cxn ang="T144">
                <a:pos x="T48" y="T49"/>
              </a:cxn>
              <a:cxn ang="T145">
                <a:pos x="T50" y="T51"/>
              </a:cxn>
              <a:cxn ang="T146">
                <a:pos x="T52" y="T53"/>
              </a:cxn>
              <a:cxn ang="T147">
                <a:pos x="T54" y="T55"/>
              </a:cxn>
              <a:cxn ang="T148">
                <a:pos x="T56" y="T57"/>
              </a:cxn>
              <a:cxn ang="T149">
                <a:pos x="T58" y="T59"/>
              </a:cxn>
              <a:cxn ang="T150">
                <a:pos x="T60" y="T61"/>
              </a:cxn>
              <a:cxn ang="T151">
                <a:pos x="T62" y="T63"/>
              </a:cxn>
              <a:cxn ang="T152">
                <a:pos x="T64" y="T65"/>
              </a:cxn>
              <a:cxn ang="T153">
                <a:pos x="T66" y="T67"/>
              </a:cxn>
              <a:cxn ang="T154">
                <a:pos x="T68" y="T69"/>
              </a:cxn>
              <a:cxn ang="T155">
                <a:pos x="T70" y="T71"/>
              </a:cxn>
              <a:cxn ang="T156">
                <a:pos x="T72" y="T73"/>
              </a:cxn>
              <a:cxn ang="T157">
                <a:pos x="T74" y="T75"/>
              </a:cxn>
              <a:cxn ang="T158">
                <a:pos x="T76" y="T77"/>
              </a:cxn>
              <a:cxn ang="T159">
                <a:pos x="T78" y="T79"/>
              </a:cxn>
              <a:cxn ang="T160">
                <a:pos x="T80" y="T81"/>
              </a:cxn>
              <a:cxn ang="T161">
                <a:pos x="T82" y="T83"/>
              </a:cxn>
              <a:cxn ang="T162">
                <a:pos x="T84" y="T85"/>
              </a:cxn>
              <a:cxn ang="T163">
                <a:pos x="T86" y="T87"/>
              </a:cxn>
              <a:cxn ang="T164">
                <a:pos x="T88" y="T89"/>
              </a:cxn>
              <a:cxn ang="T165">
                <a:pos x="T90" y="T91"/>
              </a:cxn>
              <a:cxn ang="T166">
                <a:pos x="T92" y="T93"/>
              </a:cxn>
              <a:cxn ang="T167">
                <a:pos x="T94" y="T95"/>
              </a:cxn>
              <a:cxn ang="T168">
                <a:pos x="T96" y="T97"/>
              </a:cxn>
              <a:cxn ang="T169">
                <a:pos x="T98" y="T99"/>
              </a:cxn>
              <a:cxn ang="T170">
                <a:pos x="T100" y="T101"/>
              </a:cxn>
              <a:cxn ang="T171">
                <a:pos x="T102" y="T103"/>
              </a:cxn>
              <a:cxn ang="T172">
                <a:pos x="T104" y="T105"/>
              </a:cxn>
              <a:cxn ang="T173">
                <a:pos x="T106" y="T107"/>
              </a:cxn>
              <a:cxn ang="T174">
                <a:pos x="T108" y="T109"/>
              </a:cxn>
              <a:cxn ang="T175">
                <a:pos x="T110" y="T111"/>
              </a:cxn>
              <a:cxn ang="T176">
                <a:pos x="T112" y="T113"/>
              </a:cxn>
              <a:cxn ang="T177">
                <a:pos x="T114" y="T115"/>
              </a:cxn>
              <a:cxn ang="T178">
                <a:pos x="T116" y="T117"/>
              </a:cxn>
              <a:cxn ang="T179">
                <a:pos x="T118" y="T119"/>
              </a:cxn>
            </a:cxnLst>
            <a:rect l="0" t="0" r="r" b="b"/>
            <a:pathLst>
              <a:path w="424" h="414">
                <a:moveTo>
                  <a:pt x="424" y="248"/>
                </a:moveTo>
                <a:lnTo>
                  <a:pt x="424" y="248"/>
                </a:lnTo>
                <a:lnTo>
                  <a:pt x="423" y="244"/>
                </a:lnTo>
                <a:lnTo>
                  <a:pt x="418" y="241"/>
                </a:lnTo>
                <a:lnTo>
                  <a:pt x="357" y="205"/>
                </a:lnTo>
                <a:lnTo>
                  <a:pt x="418" y="169"/>
                </a:lnTo>
                <a:lnTo>
                  <a:pt x="421" y="167"/>
                </a:lnTo>
                <a:lnTo>
                  <a:pt x="423" y="162"/>
                </a:lnTo>
                <a:lnTo>
                  <a:pt x="424" y="158"/>
                </a:lnTo>
                <a:lnTo>
                  <a:pt x="421" y="153"/>
                </a:lnTo>
                <a:lnTo>
                  <a:pt x="359" y="48"/>
                </a:lnTo>
                <a:lnTo>
                  <a:pt x="357" y="46"/>
                </a:lnTo>
                <a:lnTo>
                  <a:pt x="352" y="43"/>
                </a:lnTo>
                <a:lnTo>
                  <a:pt x="348" y="43"/>
                </a:lnTo>
                <a:lnTo>
                  <a:pt x="343" y="44"/>
                </a:lnTo>
                <a:lnTo>
                  <a:pt x="285" y="79"/>
                </a:lnTo>
                <a:lnTo>
                  <a:pt x="285" y="11"/>
                </a:lnTo>
                <a:lnTo>
                  <a:pt x="284" y="7"/>
                </a:lnTo>
                <a:lnTo>
                  <a:pt x="282" y="3"/>
                </a:lnTo>
                <a:lnTo>
                  <a:pt x="278" y="0"/>
                </a:lnTo>
                <a:lnTo>
                  <a:pt x="274" y="0"/>
                </a:lnTo>
                <a:lnTo>
                  <a:pt x="152" y="0"/>
                </a:lnTo>
                <a:lnTo>
                  <a:pt x="148" y="0"/>
                </a:lnTo>
                <a:lnTo>
                  <a:pt x="143" y="3"/>
                </a:lnTo>
                <a:lnTo>
                  <a:pt x="141" y="7"/>
                </a:lnTo>
                <a:lnTo>
                  <a:pt x="139" y="11"/>
                </a:lnTo>
                <a:lnTo>
                  <a:pt x="139" y="83"/>
                </a:lnTo>
                <a:lnTo>
                  <a:pt x="79" y="47"/>
                </a:lnTo>
                <a:lnTo>
                  <a:pt x="73" y="46"/>
                </a:lnTo>
                <a:lnTo>
                  <a:pt x="69" y="47"/>
                </a:lnTo>
                <a:lnTo>
                  <a:pt x="65" y="48"/>
                </a:lnTo>
                <a:lnTo>
                  <a:pt x="62" y="51"/>
                </a:lnTo>
                <a:lnTo>
                  <a:pt x="2" y="158"/>
                </a:lnTo>
                <a:lnTo>
                  <a:pt x="0" y="162"/>
                </a:lnTo>
                <a:lnTo>
                  <a:pt x="2" y="167"/>
                </a:lnTo>
                <a:lnTo>
                  <a:pt x="3" y="171"/>
                </a:lnTo>
                <a:lnTo>
                  <a:pt x="6" y="173"/>
                </a:lnTo>
                <a:lnTo>
                  <a:pt x="68" y="209"/>
                </a:lnTo>
                <a:lnTo>
                  <a:pt x="7" y="245"/>
                </a:lnTo>
                <a:lnTo>
                  <a:pt x="5" y="248"/>
                </a:lnTo>
                <a:lnTo>
                  <a:pt x="2" y="252"/>
                </a:lnTo>
                <a:lnTo>
                  <a:pt x="2" y="256"/>
                </a:lnTo>
                <a:lnTo>
                  <a:pt x="3" y="260"/>
                </a:lnTo>
                <a:lnTo>
                  <a:pt x="66" y="366"/>
                </a:lnTo>
                <a:lnTo>
                  <a:pt x="69" y="369"/>
                </a:lnTo>
                <a:lnTo>
                  <a:pt x="73" y="371"/>
                </a:lnTo>
                <a:lnTo>
                  <a:pt x="77" y="371"/>
                </a:lnTo>
                <a:lnTo>
                  <a:pt x="82" y="370"/>
                </a:lnTo>
                <a:lnTo>
                  <a:pt x="139" y="334"/>
                </a:lnTo>
                <a:lnTo>
                  <a:pt x="139" y="403"/>
                </a:lnTo>
                <a:lnTo>
                  <a:pt x="141" y="407"/>
                </a:lnTo>
                <a:lnTo>
                  <a:pt x="143" y="411"/>
                </a:lnTo>
                <a:lnTo>
                  <a:pt x="148" y="413"/>
                </a:lnTo>
                <a:lnTo>
                  <a:pt x="152" y="414"/>
                </a:lnTo>
                <a:lnTo>
                  <a:pt x="274" y="414"/>
                </a:lnTo>
                <a:lnTo>
                  <a:pt x="278" y="413"/>
                </a:lnTo>
                <a:lnTo>
                  <a:pt x="282" y="411"/>
                </a:lnTo>
                <a:lnTo>
                  <a:pt x="284" y="407"/>
                </a:lnTo>
                <a:lnTo>
                  <a:pt x="285" y="403"/>
                </a:lnTo>
                <a:lnTo>
                  <a:pt x="285" y="332"/>
                </a:lnTo>
                <a:lnTo>
                  <a:pt x="347" y="367"/>
                </a:lnTo>
                <a:lnTo>
                  <a:pt x="351" y="369"/>
                </a:lnTo>
                <a:lnTo>
                  <a:pt x="355" y="367"/>
                </a:lnTo>
                <a:lnTo>
                  <a:pt x="359" y="366"/>
                </a:lnTo>
                <a:lnTo>
                  <a:pt x="362" y="362"/>
                </a:lnTo>
                <a:lnTo>
                  <a:pt x="423" y="256"/>
                </a:lnTo>
                <a:lnTo>
                  <a:pt x="424" y="252"/>
                </a:lnTo>
                <a:lnTo>
                  <a:pt x="424" y="248"/>
                </a:lnTo>
                <a:close/>
                <a:moveTo>
                  <a:pt x="348" y="341"/>
                </a:moveTo>
                <a:lnTo>
                  <a:pt x="280" y="301"/>
                </a:lnTo>
                <a:lnTo>
                  <a:pt x="274" y="300"/>
                </a:lnTo>
                <a:lnTo>
                  <a:pt x="267" y="301"/>
                </a:lnTo>
                <a:lnTo>
                  <a:pt x="263" y="307"/>
                </a:lnTo>
                <a:lnTo>
                  <a:pt x="262" y="312"/>
                </a:lnTo>
                <a:lnTo>
                  <a:pt x="262" y="391"/>
                </a:lnTo>
                <a:lnTo>
                  <a:pt x="163" y="391"/>
                </a:lnTo>
                <a:lnTo>
                  <a:pt x="163" y="315"/>
                </a:lnTo>
                <a:lnTo>
                  <a:pt x="161" y="308"/>
                </a:lnTo>
                <a:lnTo>
                  <a:pt x="157" y="304"/>
                </a:lnTo>
                <a:lnTo>
                  <a:pt x="152" y="303"/>
                </a:lnTo>
                <a:lnTo>
                  <a:pt x="146" y="304"/>
                </a:lnTo>
                <a:lnTo>
                  <a:pt x="80" y="344"/>
                </a:lnTo>
                <a:lnTo>
                  <a:pt x="29" y="259"/>
                </a:lnTo>
                <a:lnTo>
                  <a:pt x="97" y="219"/>
                </a:lnTo>
                <a:lnTo>
                  <a:pt x="101" y="215"/>
                </a:lnTo>
                <a:lnTo>
                  <a:pt x="102" y="208"/>
                </a:lnTo>
                <a:lnTo>
                  <a:pt x="101" y="202"/>
                </a:lnTo>
                <a:lnTo>
                  <a:pt x="97" y="198"/>
                </a:lnTo>
                <a:lnTo>
                  <a:pt x="28" y="160"/>
                </a:lnTo>
                <a:lnTo>
                  <a:pt x="77" y="73"/>
                </a:lnTo>
                <a:lnTo>
                  <a:pt x="146" y="113"/>
                </a:lnTo>
                <a:lnTo>
                  <a:pt x="152" y="114"/>
                </a:lnTo>
                <a:lnTo>
                  <a:pt x="157" y="112"/>
                </a:lnTo>
                <a:lnTo>
                  <a:pt x="161" y="107"/>
                </a:lnTo>
                <a:lnTo>
                  <a:pt x="163" y="102"/>
                </a:lnTo>
                <a:lnTo>
                  <a:pt x="163" y="24"/>
                </a:lnTo>
                <a:lnTo>
                  <a:pt x="262" y="24"/>
                </a:lnTo>
                <a:lnTo>
                  <a:pt x="262" y="99"/>
                </a:lnTo>
                <a:lnTo>
                  <a:pt x="263" y="105"/>
                </a:lnTo>
                <a:lnTo>
                  <a:pt x="269" y="110"/>
                </a:lnTo>
                <a:lnTo>
                  <a:pt x="274" y="112"/>
                </a:lnTo>
                <a:lnTo>
                  <a:pt x="280" y="109"/>
                </a:lnTo>
                <a:lnTo>
                  <a:pt x="346" y="70"/>
                </a:lnTo>
                <a:lnTo>
                  <a:pt x="396" y="156"/>
                </a:lnTo>
                <a:lnTo>
                  <a:pt x="328" y="195"/>
                </a:lnTo>
                <a:lnTo>
                  <a:pt x="324" y="200"/>
                </a:lnTo>
                <a:lnTo>
                  <a:pt x="322" y="206"/>
                </a:lnTo>
                <a:lnTo>
                  <a:pt x="324" y="212"/>
                </a:lnTo>
                <a:lnTo>
                  <a:pt x="328" y="216"/>
                </a:lnTo>
                <a:lnTo>
                  <a:pt x="396" y="255"/>
                </a:lnTo>
                <a:lnTo>
                  <a:pt x="348" y="341"/>
                </a:lnTo>
                <a:close/>
                <a:moveTo>
                  <a:pt x="269" y="223"/>
                </a:moveTo>
                <a:lnTo>
                  <a:pt x="269" y="223"/>
                </a:lnTo>
                <a:lnTo>
                  <a:pt x="267" y="228"/>
                </a:lnTo>
                <a:lnTo>
                  <a:pt x="264" y="235"/>
                </a:lnTo>
                <a:lnTo>
                  <a:pt x="259" y="241"/>
                </a:lnTo>
                <a:lnTo>
                  <a:pt x="249" y="245"/>
                </a:lnTo>
                <a:lnTo>
                  <a:pt x="230" y="252"/>
                </a:lnTo>
                <a:lnTo>
                  <a:pt x="214" y="259"/>
                </a:lnTo>
                <a:lnTo>
                  <a:pt x="198" y="266"/>
                </a:lnTo>
                <a:lnTo>
                  <a:pt x="193" y="270"/>
                </a:lnTo>
                <a:lnTo>
                  <a:pt x="190" y="272"/>
                </a:lnTo>
                <a:lnTo>
                  <a:pt x="189" y="277"/>
                </a:lnTo>
                <a:lnTo>
                  <a:pt x="190" y="279"/>
                </a:lnTo>
                <a:lnTo>
                  <a:pt x="193" y="283"/>
                </a:lnTo>
                <a:lnTo>
                  <a:pt x="197" y="288"/>
                </a:lnTo>
                <a:lnTo>
                  <a:pt x="203" y="292"/>
                </a:lnTo>
                <a:lnTo>
                  <a:pt x="203" y="281"/>
                </a:lnTo>
                <a:lnTo>
                  <a:pt x="222" y="272"/>
                </a:lnTo>
                <a:lnTo>
                  <a:pt x="222" y="307"/>
                </a:lnTo>
                <a:lnTo>
                  <a:pt x="242" y="322"/>
                </a:lnTo>
                <a:lnTo>
                  <a:pt x="245" y="325"/>
                </a:lnTo>
                <a:lnTo>
                  <a:pt x="247" y="327"/>
                </a:lnTo>
                <a:lnTo>
                  <a:pt x="247" y="332"/>
                </a:lnTo>
                <a:lnTo>
                  <a:pt x="245" y="336"/>
                </a:lnTo>
                <a:lnTo>
                  <a:pt x="241" y="338"/>
                </a:lnTo>
                <a:lnTo>
                  <a:pt x="237" y="340"/>
                </a:lnTo>
                <a:lnTo>
                  <a:pt x="234" y="338"/>
                </a:lnTo>
                <a:lnTo>
                  <a:pt x="231" y="337"/>
                </a:lnTo>
                <a:lnTo>
                  <a:pt x="222" y="332"/>
                </a:lnTo>
                <a:lnTo>
                  <a:pt x="222" y="347"/>
                </a:lnTo>
                <a:lnTo>
                  <a:pt x="222" y="351"/>
                </a:lnTo>
                <a:lnTo>
                  <a:pt x="219" y="354"/>
                </a:lnTo>
                <a:lnTo>
                  <a:pt x="216" y="356"/>
                </a:lnTo>
                <a:lnTo>
                  <a:pt x="212" y="356"/>
                </a:lnTo>
                <a:lnTo>
                  <a:pt x="208" y="356"/>
                </a:lnTo>
                <a:lnTo>
                  <a:pt x="205" y="354"/>
                </a:lnTo>
                <a:lnTo>
                  <a:pt x="204" y="351"/>
                </a:lnTo>
                <a:lnTo>
                  <a:pt x="203" y="347"/>
                </a:lnTo>
                <a:lnTo>
                  <a:pt x="203" y="316"/>
                </a:lnTo>
                <a:lnTo>
                  <a:pt x="192" y="308"/>
                </a:lnTo>
                <a:lnTo>
                  <a:pt x="182" y="301"/>
                </a:lnTo>
                <a:lnTo>
                  <a:pt x="175" y="293"/>
                </a:lnTo>
                <a:lnTo>
                  <a:pt x="171" y="285"/>
                </a:lnTo>
                <a:lnTo>
                  <a:pt x="170" y="275"/>
                </a:lnTo>
                <a:lnTo>
                  <a:pt x="170" y="270"/>
                </a:lnTo>
                <a:lnTo>
                  <a:pt x="172" y="264"/>
                </a:lnTo>
                <a:lnTo>
                  <a:pt x="175" y="260"/>
                </a:lnTo>
                <a:lnTo>
                  <a:pt x="179" y="256"/>
                </a:lnTo>
                <a:lnTo>
                  <a:pt x="186" y="250"/>
                </a:lnTo>
                <a:lnTo>
                  <a:pt x="190" y="248"/>
                </a:lnTo>
                <a:lnTo>
                  <a:pt x="203" y="242"/>
                </a:lnTo>
                <a:lnTo>
                  <a:pt x="203" y="162"/>
                </a:lnTo>
                <a:lnTo>
                  <a:pt x="211" y="157"/>
                </a:lnTo>
                <a:lnTo>
                  <a:pt x="216" y="156"/>
                </a:lnTo>
                <a:lnTo>
                  <a:pt x="222" y="156"/>
                </a:lnTo>
                <a:lnTo>
                  <a:pt x="222" y="234"/>
                </a:lnTo>
                <a:lnTo>
                  <a:pt x="242" y="227"/>
                </a:lnTo>
                <a:lnTo>
                  <a:pt x="247" y="224"/>
                </a:lnTo>
                <a:lnTo>
                  <a:pt x="240" y="219"/>
                </a:lnTo>
                <a:lnTo>
                  <a:pt x="240" y="198"/>
                </a:lnTo>
                <a:lnTo>
                  <a:pt x="251" y="202"/>
                </a:lnTo>
                <a:lnTo>
                  <a:pt x="259" y="208"/>
                </a:lnTo>
                <a:lnTo>
                  <a:pt x="266" y="215"/>
                </a:lnTo>
                <a:lnTo>
                  <a:pt x="267" y="219"/>
                </a:lnTo>
                <a:lnTo>
                  <a:pt x="269" y="223"/>
                </a:lnTo>
                <a:close/>
                <a:moveTo>
                  <a:pt x="163" y="179"/>
                </a:moveTo>
                <a:lnTo>
                  <a:pt x="163" y="179"/>
                </a:lnTo>
                <a:lnTo>
                  <a:pt x="161" y="172"/>
                </a:lnTo>
                <a:lnTo>
                  <a:pt x="163" y="165"/>
                </a:lnTo>
                <a:lnTo>
                  <a:pt x="164" y="158"/>
                </a:lnTo>
                <a:lnTo>
                  <a:pt x="167" y="153"/>
                </a:lnTo>
                <a:lnTo>
                  <a:pt x="172" y="143"/>
                </a:lnTo>
                <a:lnTo>
                  <a:pt x="176" y="138"/>
                </a:lnTo>
                <a:lnTo>
                  <a:pt x="182" y="132"/>
                </a:lnTo>
                <a:lnTo>
                  <a:pt x="189" y="128"/>
                </a:lnTo>
                <a:lnTo>
                  <a:pt x="196" y="124"/>
                </a:lnTo>
                <a:lnTo>
                  <a:pt x="203" y="123"/>
                </a:lnTo>
                <a:lnTo>
                  <a:pt x="203" y="105"/>
                </a:lnTo>
                <a:lnTo>
                  <a:pt x="198" y="102"/>
                </a:lnTo>
                <a:lnTo>
                  <a:pt x="196" y="98"/>
                </a:lnTo>
                <a:lnTo>
                  <a:pt x="193" y="92"/>
                </a:lnTo>
                <a:lnTo>
                  <a:pt x="193" y="87"/>
                </a:lnTo>
                <a:lnTo>
                  <a:pt x="194" y="80"/>
                </a:lnTo>
                <a:lnTo>
                  <a:pt x="198" y="73"/>
                </a:lnTo>
                <a:lnTo>
                  <a:pt x="204" y="69"/>
                </a:lnTo>
                <a:lnTo>
                  <a:pt x="212" y="68"/>
                </a:lnTo>
                <a:lnTo>
                  <a:pt x="220" y="69"/>
                </a:lnTo>
                <a:lnTo>
                  <a:pt x="226" y="73"/>
                </a:lnTo>
                <a:lnTo>
                  <a:pt x="230" y="80"/>
                </a:lnTo>
                <a:lnTo>
                  <a:pt x="231" y="87"/>
                </a:lnTo>
                <a:lnTo>
                  <a:pt x="231" y="92"/>
                </a:lnTo>
                <a:lnTo>
                  <a:pt x="229" y="98"/>
                </a:lnTo>
                <a:lnTo>
                  <a:pt x="226" y="101"/>
                </a:lnTo>
                <a:lnTo>
                  <a:pt x="222" y="105"/>
                </a:lnTo>
                <a:lnTo>
                  <a:pt x="222" y="118"/>
                </a:lnTo>
                <a:lnTo>
                  <a:pt x="236" y="120"/>
                </a:lnTo>
                <a:lnTo>
                  <a:pt x="248" y="121"/>
                </a:lnTo>
                <a:lnTo>
                  <a:pt x="259" y="124"/>
                </a:lnTo>
                <a:lnTo>
                  <a:pt x="263" y="127"/>
                </a:lnTo>
                <a:lnTo>
                  <a:pt x="264" y="129"/>
                </a:lnTo>
                <a:lnTo>
                  <a:pt x="266" y="134"/>
                </a:lnTo>
                <a:lnTo>
                  <a:pt x="266" y="136"/>
                </a:lnTo>
                <a:lnTo>
                  <a:pt x="263" y="140"/>
                </a:lnTo>
                <a:lnTo>
                  <a:pt x="260" y="143"/>
                </a:lnTo>
                <a:lnTo>
                  <a:pt x="256" y="143"/>
                </a:lnTo>
                <a:lnTo>
                  <a:pt x="253" y="143"/>
                </a:lnTo>
                <a:lnTo>
                  <a:pt x="245" y="142"/>
                </a:lnTo>
                <a:lnTo>
                  <a:pt x="238" y="140"/>
                </a:lnTo>
                <a:lnTo>
                  <a:pt x="229" y="139"/>
                </a:lnTo>
                <a:lnTo>
                  <a:pt x="219" y="139"/>
                </a:lnTo>
                <a:lnTo>
                  <a:pt x="208" y="140"/>
                </a:lnTo>
                <a:lnTo>
                  <a:pt x="198" y="145"/>
                </a:lnTo>
                <a:lnTo>
                  <a:pt x="194" y="147"/>
                </a:lnTo>
                <a:lnTo>
                  <a:pt x="190" y="151"/>
                </a:lnTo>
                <a:lnTo>
                  <a:pt x="187" y="156"/>
                </a:lnTo>
                <a:lnTo>
                  <a:pt x="185" y="161"/>
                </a:lnTo>
                <a:lnTo>
                  <a:pt x="182" y="168"/>
                </a:lnTo>
                <a:lnTo>
                  <a:pt x="182" y="171"/>
                </a:lnTo>
                <a:lnTo>
                  <a:pt x="182" y="175"/>
                </a:lnTo>
                <a:lnTo>
                  <a:pt x="183" y="178"/>
                </a:lnTo>
                <a:lnTo>
                  <a:pt x="186" y="180"/>
                </a:lnTo>
                <a:lnTo>
                  <a:pt x="186" y="204"/>
                </a:lnTo>
                <a:lnTo>
                  <a:pt x="178" y="200"/>
                </a:lnTo>
                <a:lnTo>
                  <a:pt x="171" y="193"/>
                </a:lnTo>
                <a:lnTo>
                  <a:pt x="165" y="187"/>
                </a:lnTo>
                <a:lnTo>
                  <a:pt x="163" y="179"/>
                </a:lnTo>
                <a:close/>
              </a:path>
            </a:pathLst>
          </a:custGeom>
          <a:solidFill>
            <a:schemeClr val="bg1"/>
          </a:solidFill>
          <a:ln>
            <a:noFill/>
          </a:ln>
        </p:spPr>
        <p:txBody>
          <a:bodyPr/>
          <a:lstStyle/>
          <a:p>
            <a:endParaRPr lang="en-US" dirty="0">
              <a:solidFill>
                <a:prstClr val="black"/>
              </a:solidFill>
            </a:endParaRPr>
          </a:p>
        </p:txBody>
      </p:sp>
      <p:grpSp>
        <p:nvGrpSpPr>
          <p:cNvPr id="30" name="Group 29"/>
          <p:cNvGrpSpPr/>
          <p:nvPr/>
        </p:nvGrpSpPr>
        <p:grpSpPr>
          <a:xfrm>
            <a:off x="6870122" y="2993239"/>
            <a:ext cx="972541" cy="740872"/>
            <a:chOff x="3012081" y="2847119"/>
            <a:chExt cx="675674" cy="611820"/>
          </a:xfrm>
        </p:grpSpPr>
        <p:grpSp>
          <p:nvGrpSpPr>
            <p:cNvPr id="31" name="Group 30"/>
            <p:cNvGrpSpPr/>
            <p:nvPr/>
          </p:nvGrpSpPr>
          <p:grpSpPr>
            <a:xfrm>
              <a:off x="3012081" y="2847119"/>
              <a:ext cx="420503" cy="611820"/>
              <a:chOff x="685799" y="3138962"/>
              <a:chExt cx="915987" cy="1332735"/>
            </a:xfrm>
          </p:grpSpPr>
          <p:sp>
            <p:nvSpPr>
              <p:cNvPr id="37" name="Round Same Side Corner Rectangle 36"/>
              <p:cNvSpPr/>
              <p:nvPr/>
            </p:nvSpPr>
            <p:spPr>
              <a:xfrm>
                <a:off x="685799" y="3138962"/>
                <a:ext cx="915987" cy="215134"/>
              </a:xfrm>
              <a:prstGeom prst="round2SameRect">
                <a:avLst>
                  <a:gd name="adj1" fmla="val 33269"/>
                  <a:gd name="adj2" fmla="val 0"/>
                </a:avLst>
              </a:prstGeom>
              <a:noFill/>
              <a:ln w="28575"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38" name="Round Same Side Corner Rectangle 37"/>
              <p:cNvSpPr/>
              <p:nvPr/>
            </p:nvSpPr>
            <p:spPr>
              <a:xfrm flipV="1">
                <a:off x="765175" y="3354097"/>
                <a:ext cx="757237" cy="1117600"/>
              </a:xfrm>
              <a:prstGeom prst="round2SameRect">
                <a:avLst>
                  <a:gd name="adj1" fmla="val 9055"/>
                  <a:gd name="adj2" fmla="val 0"/>
                </a:avLst>
              </a:prstGeom>
              <a:noFill/>
              <a:ln w="28575"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cxnSp>
            <p:nvCxnSpPr>
              <p:cNvPr id="39" name="Straight Connector 38"/>
              <p:cNvCxnSpPr/>
              <p:nvPr/>
            </p:nvCxnSpPr>
            <p:spPr>
              <a:xfrm>
                <a:off x="765175" y="3536659"/>
                <a:ext cx="757237" cy="0"/>
              </a:xfrm>
              <a:prstGeom prst="line">
                <a:avLst/>
              </a:prstGeom>
              <a:ln w="28575"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40" name="Straight Connector 39"/>
              <p:cNvCxnSpPr/>
              <p:nvPr/>
            </p:nvCxnSpPr>
            <p:spPr>
              <a:xfrm>
                <a:off x="762000" y="4031925"/>
                <a:ext cx="757237" cy="0"/>
              </a:xfrm>
              <a:prstGeom prst="line">
                <a:avLst/>
              </a:prstGeom>
              <a:ln w="28575"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41" name="Straight Connector 40"/>
              <p:cNvCxnSpPr/>
              <p:nvPr/>
            </p:nvCxnSpPr>
            <p:spPr>
              <a:xfrm>
                <a:off x="843359" y="3654134"/>
                <a:ext cx="342900" cy="0"/>
              </a:xfrm>
              <a:prstGeom prst="line">
                <a:avLst/>
              </a:prstGeom>
              <a:ln w="28575"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42" name="Straight Connector 41"/>
              <p:cNvCxnSpPr/>
              <p:nvPr/>
            </p:nvCxnSpPr>
            <p:spPr>
              <a:xfrm>
                <a:off x="843359" y="3743034"/>
                <a:ext cx="342900" cy="0"/>
              </a:xfrm>
              <a:prstGeom prst="line">
                <a:avLst/>
              </a:prstGeom>
              <a:ln w="28575"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43" name="Straight Connector 42"/>
              <p:cNvCxnSpPr/>
              <p:nvPr/>
            </p:nvCxnSpPr>
            <p:spPr>
              <a:xfrm>
                <a:off x="843359" y="3831934"/>
                <a:ext cx="342900" cy="0"/>
              </a:xfrm>
              <a:prstGeom prst="line">
                <a:avLst/>
              </a:prstGeom>
              <a:ln w="28575" cmpd="sng">
                <a:solidFill>
                  <a:schemeClr val="bg1"/>
                </a:solidFill>
              </a:ln>
              <a:effectLst/>
            </p:spPr>
            <p:style>
              <a:lnRef idx="2">
                <a:schemeClr val="accent1"/>
              </a:lnRef>
              <a:fillRef idx="0">
                <a:schemeClr val="accent1"/>
              </a:fillRef>
              <a:effectRef idx="1">
                <a:schemeClr val="accent1"/>
              </a:effectRef>
              <a:fontRef idx="minor">
                <a:schemeClr val="tx1"/>
              </a:fontRef>
            </p:style>
          </p:cxnSp>
        </p:grpSp>
        <p:grpSp>
          <p:nvGrpSpPr>
            <p:cNvPr id="32" name="Group 31"/>
            <p:cNvGrpSpPr/>
            <p:nvPr/>
          </p:nvGrpSpPr>
          <p:grpSpPr>
            <a:xfrm>
              <a:off x="3483669" y="3200846"/>
              <a:ext cx="204086" cy="219572"/>
              <a:chOff x="4288604" y="2644140"/>
              <a:chExt cx="2704977" cy="2910228"/>
            </a:xfrm>
          </p:grpSpPr>
          <p:sp>
            <p:nvSpPr>
              <p:cNvPr id="33" name="Rounded Rectangle 32"/>
              <p:cNvSpPr/>
              <p:nvPr/>
            </p:nvSpPr>
            <p:spPr>
              <a:xfrm rot="2177089">
                <a:off x="4288604" y="2644140"/>
                <a:ext cx="1358130" cy="2910228"/>
              </a:xfrm>
              <a:prstGeom prst="roundRect">
                <a:avLst>
                  <a:gd name="adj" fmla="val 44704"/>
                </a:avLst>
              </a:prstGeom>
              <a:noFill/>
              <a:ln w="28575">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34" name="Freeform 33"/>
              <p:cNvSpPr/>
              <p:nvPr/>
            </p:nvSpPr>
            <p:spPr>
              <a:xfrm>
                <a:off x="4419601" y="3699933"/>
                <a:ext cx="882914" cy="669925"/>
              </a:xfrm>
              <a:custGeom>
                <a:avLst/>
                <a:gdLst>
                  <a:gd name="connsiteX0" fmla="*/ 880533 w 880533"/>
                  <a:gd name="connsiteY0" fmla="*/ 660400 h 660400"/>
                  <a:gd name="connsiteX1" fmla="*/ 0 w 880533"/>
                  <a:gd name="connsiteY1" fmla="*/ 0 h 660400"/>
                  <a:gd name="connsiteX0" fmla="*/ 882914 w 882914"/>
                  <a:gd name="connsiteY0" fmla="*/ 669925 h 669925"/>
                  <a:gd name="connsiteX1" fmla="*/ 0 w 882914"/>
                  <a:gd name="connsiteY1" fmla="*/ 0 h 669925"/>
                </a:gdLst>
                <a:ahLst/>
                <a:cxnLst>
                  <a:cxn ang="0">
                    <a:pos x="connsiteX0" y="connsiteY0"/>
                  </a:cxn>
                  <a:cxn ang="0">
                    <a:pos x="connsiteX1" y="connsiteY1"/>
                  </a:cxn>
                </a:cxnLst>
                <a:rect l="l" t="t" r="r" b="b"/>
                <a:pathLst>
                  <a:path w="882914" h="669925">
                    <a:moveTo>
                      <a:pt x="882914" y="669925"/>
                    </a:moveTo>
                    <a:lnTo>
                      <a:pt x="0" y="0"/>
                    </a:lnTo>
                  </a:path>
                </a:pathLst>
              </a:custGeom>
              <a:noFill/>
              <a:ln w="28575">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35" name="Oval 34"/>
              <p:cNvSpPr/>
              <p:nvPr/>
            </p:nvSpPr>
            <p:spPr>
              <a:xfrm>
                <a:off x="5263249" y="3759047"/>
                <a:ext cx="1730332" cy="1730332"/>
              </a:xfrm>
              <a:prstGeom prst="ellipse">
                <a:avLst/>
              </a:prstGeom>
              <a:solidFill>
                <a:schemeClr val="bg1"/>
              </a:solidFill>
              <a:ln w="28575">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36" name="Freeform 35"/>
              <p:cNvSpPr/>
              <p:nvPr/>
            </p:nvSpPr>
            <p:spPr>
              <a:xfrm>
                <a:off x="5621072" y="3934618"/>
                <a:ext cx="1022879" cy="1399381"/>
              </a:xfrm>
              <a:custGeom>
                <a:avLst/>
                <a:gdLst>
                  <a:gd name="connsiteX0" fmla="*/ 999066 w 999066"/>
                  <a:gd name="connsiteY0" fmla="*/ 0 h 1397000"/>
                  <a:gd name="connsiteX1" fmla="*/ 0 w 999066"/>
                  <a:gd name="connsiteY1" fmla="*/ 1397000 h 1397000"/>
                  <a:gd name="connsiteX0" fmla="*/ 1025260 w 1025260"/>
                  <a:gd name="connsiteY0" fmla="*/ 0 h 1397000"/>
                  <a:gd name="connsiteX1" fmla="*/ 0 w 1025260"/>
                  <a:gd name="connsiteY1" fmla="*/ 1397000 h 1397000"/>
                  <a:gd name="connsiteX0" fmla="*/ 1022879 w 1022879"/>
                  <a:gd name="connsiteY0" fmla="*/ 0 h 1399381"/>
                  <a:gd name="connsiteX1" fmla="*/ 0 w 1022879"/>
                  <a:gd name="connsiteY1" fmla="*/ 1399381 h 1399381"/>
                </a:gdLst>
                <a:ahLst/>
                <a:cxnLst>
                  <a:cxn ang="0">
                    <a:pos x="connsiteX0" y="connsiteY0"/>
                  </a:cxn>
                  <a:cxn ang="0">
                    <a:pos x="connsiteX1" y="connsiteY1"/>
                  </a:cxn>
                </a:cxnLst>
                <a:rect l="l" t="t" r="r" b="b"/>
                <a:pathLst>
                  <a:path w="1022879" h="1399381">
                    <a:moveTo>
                      <a:pt x="1022879" y="0"/>
                    </a:moveTo>
                    <a:lnTo>
                      <a:pt x="0" y="1399381"/>
                    </a:lnTo>
                  </a:path>
                </a:pathLst>
              </a:custGeom>
              <a:noFill/>
              <a:ln w="28575">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grpSp>
      </p:grpSp>
      <p:grpSp>
        <p:nvGrpSpPr>
          <p:cNvPr id="44" name="Group 43"/>
          <p:cNvGrpSpPr/>
          <p:nvPr/>
        </p:nvGrpSpPr>
        <p:grpSpPr>
          <a:xfrm>
            <a:off x="9933050" y="2954881"/>
            <a:ext cx="875635" cy="897668"/>
            <a:chOff x="6862847" y="2414311"/>
            <a:chExt cx="1326170" cy="1436351"/>
          </a:xfrm>
        </p:grpSpPr>
        <p:sp>
          <p:nvSpPr>
            <p:cNvPr id="45" name="Rounded Rectangle 8"/>
            <p:cNvSpPr/>
            <p:nvPr/>
          </p:nvSpPr>
          <p:spPr>
            <a:xfrm>
              <a:off x="6952260" y="2414311"/>
              <a:ext cx="1029154" cy="1056431"/>
            </a:xfrm>
            <a:custGeom>
              <a:avLst/>
              <a:gdLst>
                <a:gd name="connsiteX0" fmla="*/ 0 w 1029154"/>
                <a:gd name="connsiteY0" fmla="*/ 89413 h 1056431"/>
                <a:gd name="connsiteX1" fmla="*/ 89413 w 1029154"/>
                <a:gd name="connsiteY1" fmla="*/ 0 h 1056431"/>
                <a:gd name="connsiteX2" fmla="*/ 939741 w 1029154"/>
                <a:gd name="connsiteY2" fmla="*/ 0 h 1056431"/>
                <a:gd name="connsiteX3" fmla="*/ 1029154 w 1029154"/>
                <a:gd name="connsiteY3" fmla="*/ 89413 h 1056431"/>
                <a:gd name="connsiteX4" fmla="*/ 1029154 w 1029154"/>
                <a:gd name="connsiteY4" fmla="*/ 967018 h 1056431"/>
                <a:gd name="connsiteX5" fmla="*/ 939741 w 1029154"/>
                <a:gd name="connsiteY5" fmla="*/ 1056431 h 1056431"/>
                <a:gd name="connsiteX6" fmla="*/ 89413 w 1029154"/>
                <a:gd name="connsiteY6" fmla="*/ 1056431 h 1056431"/>
                <a:gd name="connsiteX7" fmla="*/ 0 w 1029154"/>
                <a:gd name="connsiteY7" fmla="*/ 967018 h 1056431"/>
                <a:gd name="connsiteX8" fmla="*/ 0 w 1029154"/>
                <a:gd name="connsiteY8" fmla="*/ 89413 h 1056431"/>
                <a:gd name="connsiteX0" fmla="*/ 0 w 1029154"/>
                <a:gd name="connsiteY0" fmla="*/ 89413 h 1056431"/>
                <a:gd name="connsiteX1" fmla="*/ 89413 w 1029154"/>
                <a:gd name="connsiteY1" fmla="*/ 0 h 1056431"/>
                <a:gd name="connsiteX2" fmla="*/ 939741 w 1029154"/>
                <a:gd name="connsiteY2" fmla="*/ 0 h 1056431"/>
                <a:gd name="connsiteX3" fmla="*/ 1029154 w 1029154"/>
                <a:gd name="connsiteY3" fmla="*/ 89413 h 1056431"/>
                <a:gd name="connsiteX4" fmla="*/ 1029153 w 1029154"/>
                <a:gd name="connsiteY4" fmla="*/ 530893 h 1056431"/>
                <a:gd name="connsiteX5" fmla="*/ 1029154 w 1029154"/>
                <a:gd name="connsiteY5" fmla="*/ 967018 h 1056431"/>
                <a:gd name="connsiteX6" fmla="*/ 939741 w 1029154"/>
                <a:gd name="connsiteY6" fmla="*/ 1056431 h 1056431"/>
                <a:gd name="connsiteX7" fmla="*/ 89413 w 1029154"/>
                <a:gd name="connsiteY7" fmla="*/ 1056431 h 1056431"/>
                <a:gd name="connsiteX8" fmla="*/ 0 w 1029154"/>
                <a:gd name="connsiteY8" fmla="*/ 967018 h 1056431"/>
                <a:gd name="connsiteX9" fmla="*/ 0 w 1029154"/>
                <a:gd name="connsiteY9" fmla="*/ 89413 h 1056431"/>
                <a:gd name="connsiteX0" fmla="*/ 0 w 1029154"/>
                <a:gd name="connsiteY0" fmla="*/ 89413 h 1056431"/>
                <a:gd name="connsiteX1" fmla="*/ 89413 w 1029154"/>
                <a:gd name="connsiteY1" fmla="*/ 0 h 1056431"/>
                <a:gd name="connsiteX2" fmla="*/ 939741 w 1029154"/>
                <a:gd name="connsiteY2" fmla="*/ 0 h 1056431"/>
                <a:gd name="connsiteX3" fmla="*/ 1029154 w 1029154"/>
                <a:gd name="connsiteY3" fmla="*/ 89413 h 1056431"/>
                <a:gd name="connsiteX4" fmla="*/ 1029153 w 1029154"/>
                <a:gd name="connsiteY4" fmla="*/ 530893 h 1056431"/>
                <a:gd name="connsiteX5" fmla="*/ 1029154 w 1029154"/>
                <a:gd name="connsiteY5" fmla="*/ 967018 h 1056431"/>
                <a:gd name="connsiteX6" fmla="*/ 939741 w 1029154"/>
                <a:gd name="connsiteY6" fmla="*/ 1056431 h 1056431"/>
                <a:gd name="connsiteX7" fmla="*/ 394143 w 1029154"/>
                <a:gd name="connsiteY7" fmla="*/ 1050957 h 1056431"/>
                <a:gd name="connsiteX8" fmla="*/ 89413 w 1029154"/>
                <a:gd name="connsiteY8" fmla="*/ 1056431 h 1056431"/>
                <a:gd name="connsiteX9" fmla="*/ 0 w 1029154"/>
                <a:gd name="connsiteY9" fmla="*/ 967018 h 1056431"/>
                <a:gd name="connsiteX10" fmla="*/ 0 w 1029154"/>
                <a:gd name="connsiteY10" fmla="*/ 89413 h 1056431"/>
                <a:gd name="connsiteX0" fmla="*/ 939741 w 1031181"/>
                <a:gd name="connsiteY0" fmla="*/ 1056431 h 1147871"/>
                <a:gd name="connsiteX1" fmla="*/ 394143 w 1031181"/>
                <a:gd name="connsiteY1" fmla="*/ 1050957 h 1147871"/>
                <a:gd name="connsiteX2" fmla="*/ 89413 w 1031181"/>
                <a:gd name="connsiteY2" fmla="*/ 1056431 h 1147871"/>
                <a:gd name="connsiteX3" fmla="*/ 0 w 1031181"/>
                <a:gd name="connsiteY3" fmla="*/ 967018 h 1147871"/>
                <a:gd name="connsiteX4" fmla="*/ 0 w 1031181"/>
                <a:gd name="connsiteY4" fmla="*/ 89413 h 1147871"/>
                <a:gd name="connsiteX5" fmla="*/ 89413 w 1031181"/>
                <a:gd name="connsiteY5" fmla="*/ 0 h 1147871"/>
                <a:gd name="connsiteX6" fmla="*/ 939741 w 1031181"/>
                <a:gd name="connsiteY6" fmla="*/ 0 h 1147871"/>
                <a:gd name="connsiteX7" fmla="*/ 1029154 w 1031181"/>
                <a:gd name="connsiteY7" fmla="*/ 89413 h 1147871"/>
                <a:gd name="connsiteX8" fmla="*/ 1029153 w 1031181"/>
                <a:gd name="connsiteY8" fmla="*/ 530893 h 1147871"/>
                <a:gd name="connsiteX9" fmla="*/ 1029154 w 1031181"/>
                <a:gd name="connsiteY9" fmla="*/ 967018 h 1147871"/>
                <a:gd name="connsiteX10" fmla="*/ 1031181 w 1031181"/>
                <a:gd name="connsiteY10" fmla="*/ 1147871 h 1147871"/>
                <a:gd name="connsiteX0" fmla="*/ 394143 w 1031181"/>
                <a:gd name="connsiteY0" fmla="*/ 1050957 h 1147871"/>
                <a:gd name="connsiteX1" fmla="*/ 89413 w 1031181"/>
                <a:gd name="connsiteY1" fmla="*/ 1056431 h 1147871"/>
                <a:gd name="connsiteX2" fmla="*/ 0 w 1031181"/>
                <a:gd name="connsiteY2" fmla="*/ 967018 h 1147871"/>
                <a:gd name="connsiteX3" fmla="*/ 0 w 1031181"/>
                <a:gd name="connsiteY3" fmla="*/ 89413 h 1147871"/>
                <a:gd name="connsiteX4" fmla="*/ 89413 w 1031181"/>
                <a:gd name="connsiteY4" fmla="*/ 0 h 1147871"/>
                <a:gd name="connsiteX5" fmla="*/ 939741 w 1031181"/>
                <a:gd name="connsiteY5" fmla="*/ 0 h 1147871"/>
                <a:gd name="connsiteX6" fmla="*/ 1029154 w 1031181"/>
                <a:gd name="connsiteY6" fmla="*/ 89413 h 1147871"/>
                <a:gd name="connsiteX7" fmla="*/ 1029153 w 1031181"/>
                <a:gd name="connsiteY7" fmla="*/ 530893 h 1147871"/>
                <a:gd name="connsiteX8" fmla="*/ 1029154 w 1031181"/>
                <a:gd name="connsiteY8" fmla="*/ 967018 h 1147871"/>
                <a:gd name="connsiteX9" fmla="*/ 1031181 w 1031181"/>
                <a:gd name="connsiteY9" fmla="*/ 1147871 h 1147871"/>
                <a:gd name="connsiteX0" fmla="*/ 394143 w 1029154"/>
                <a:gd name="connsiteY0" fmla="*/ 1050957 h 1056431"/>
                <a:gd name="connsiteX1" fmla="*/ 89413 w 1029154"/>
                <a:gd name="connsiteY1" fmla="*/ 1056431 h 1056431"/>
                <a:gd name="connsiteX2" fmla="*/ 0 w 1029154"/>
                <a:gd name="connsiteY2" fmla="*/ 967018 h 1056431"/>
                <a:gd name="connsiteX3" fmla="*/ 0 w 1029154"/>
                <a:gd name="connsiteY3" fmla="*/ 89413 h 1056431"/>
                <a:gd name="connsiteX4" fmla="*/ 89413 w 1029154"/>
                <a:gd name="connsiteY4" fmla="*/ 0 h 1056431"/>
                <a:gd name="connsiteX5" fmla="*/ 939741 w 1029154"/>
                <a:gd name="connsiteY5" fmla="*/ 0 h 1056431"/>
                <a:gd name="connsiteX6" fmla="*/ 1029154 w 1029154"/>
                <a:gd name="connsiteY6" fmla="*/ 89413 h 1056431"/>
                <a:gd name="connsiteX7" fmla="*/ 1029153 w 1029154"/>
                <a:gd name="connsiteY7" fmla="*/ 530893 h 1056431"/>
                <a:gd name="connsiteX8" fmla="*/ 1029154 w 1029154"/>
                <a:gd name="connsiteY8" fmla="*/ 967018 h 1056431"/>
                <a:gd name="connsiteX0" fmla="*/ 394143 w 1029154"/>
                <a:gd name="connsiteY0" fmla="*/ 1050957 h 1056431"/>
                <a:gd name="connsiteX1" fmla="*/ 89413 w 1029154"/>
                <a:gd name="connsiteY1" fmla="*/ 1056431 h 1056431"/>
                <a:gd name="connsiteX2" fmla="*/ 0 w 1029154"/>
                <a:gd name="connsiteY2" fmla="*/ 967018 h 1056431"/>
                <a:gd name="connsiteX3" fmla="*/ 0 w 1029154"/>
                <a:gd name="connsiteY3" fmla="*/ 89413 h 1056431"/>
                <a:gd name="connsiteX4" fmla="*/ 89413 w 1029154"/>
                <a:gd name="connsiteY4" fmla="*/ 0 h 1056431"/>
                <a:gd name="connsiteX5" fmla="*/ 939741 w 1029154"/>
                <a:gd name="connsiteY5" fmla="*/ 0 h 1056431"/>
                <a:gd name="connsiteX6" fmla="*/ 1029154 w 1029154"/>
                <a:gd name="connsiteY6" fmla="*/ 89413 h 1056431"/>
                <a:gd name="connsiteX7" fmla="*/ 1029153 w 1029154"/>
                <a:gd name="connsiteY7" fmla="*/ 530893 h 10564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29154" h="1056431">
                  <a:moveTo>
                    <a:pt x="394143" y="1050957"/>
                  </a:moveTo>
                  <a:lnTo>
                    <a:pt x="89413" y="1056431"/>
                  </a:lnTo>
                  <a:cubicBezTo>
                    <a:pt x="40032" y="1056431"/>
                    <a:pt x="0" y="1016399"/>
                    <a:pt x="0" y="967018"/>
                  </a:cubicBezTo>
                  <a:lnTo>
                    <a:pt x="0" y="89413"/>
                  </a:lnTo>
                  <a:cubicBezTo>
                    <a:pt x="0" y="40032"/>
                    <a:pt x="40032" y="0"/>
                    <a:pt x="89413" y="0"/>
                  </a:cubicBezTo>
                  <a:lnTo>
                    <a:pt x="939741" y="0"/>
                  </a:lnTo>
                  <a:cubicBezTo>
                    <a:pt x="989122" y="0"/>
                    <a:pt x="1029154" y="40032"/>
                    <a:pt x="1029154" y="89413"/>
                  </a:cubicBezTo>
                  <a:cubicBezTo>
                    <a:pt x="1029154" y="236573"/>
                    <a:pt x="1029153" y="383733"/>
                    <a:pt x="1029153" y="530893"/>
                  </a:cubicBezTo>
                </a:path>
              </a:pathLst>
            </a:custGeom>
            <a:noFill/>
            <a:ln w="38100" cap="rnd"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46" name="Rounded Rectangle 11"/>
            <p:cNvSpPr/>
            <p:nvPr/>
          </p:nvSpPr>
          <p:spPr>
            <a:xfrm>
              <a:off x="6862847" y="2414311"/>
              <a:ext cx="178825" cy="972493"/>
            </a:xfrm>
            <a:custGeom>
              <a:avLst/>
              <a:gdLst>
                <a:gd name="connsiteX0" fmla="*/ 0 w 1029154"/>
                <a:gd name="connsiteY0" fmla="*/ 89413 h 1056431"/>
                <a:gd name="connsiteX1" fmla="*/ 89413 w 1029154"/>
                <a:gd name="connsiteY1" fmla="*/ 0 h 1056431"/>
                <a:gd name="connsiteX2" fmla="*/ 939741 w 1029154"/>
                <a:gd name="connsiteY2" fmla="*/ 0 h 1056431"/>
                <a:gd name="connsiteX3" fmla="*/ 1029154 w 1029154"/>
                <a:gd name="connsiteY3" fmla="*/ 89413 h 1056431"/>
                <a:gd name="connsiteX4" fmla="*/ 1029154 w 1029154"/>
                <a:gd name="connsiteY4" fmla="*/ 967018 h 1056431"/>
                <a:gd name="connsiteX5" fmla="*/ 939741 w 1029154"/>
                <a:gd name="connsiteY5" fmla="*/ 1056431 h 1056431"/>
                <a:gd name="connsiteX6" fmla="*/ 89413 w 1029154"/>
                <a:gd name="connsiteY6" fmla="*/ 1056431 h 1056431"/>
                <a:gd name="connsiteX7" fmla="*/ 0 w 1029154"/>
                <a:gd name="connsiteY7" fmla="*/ 967018 h 1056431"/>
                <a:gd name="connsiteX8" fmla="*/ 0 w 1029154"/>
                <a:gd name="connsiteY8" fmla="*/ 89413 h 1056431"/>
                <a:gd name="connsiteX0" fmla="*/ 89413 w 1029154"/>
                <a:gd name="connsiteY0" fmla="*/ 1056431 h 1147871"/>
                <a:gd name="connsiteX1" fmla="*/ 0 w 1029154"/>
                <a:gd name="connsiteY1" fmla="*/ 967018 h 1147871"/>
                <a:gd name="connsiteX2" fmla="*/ 0 w 1029154"/>
                <a:gd name="connsiteY2" fmla="*/ 89413 h 1147871"/>
                <a:gd name="connsiteX3" fmla="*/ 89413 w 1029154"/>
                <a:gd name="connsiteY3" fmla="*/ 0 h 1147871"/>
                <a:gd name="connsiteX4" fmla="*/ 939741 w 1029154"/>
                <a:gd name="connsiteY4" fmla="*/ 0 h 1147871"/>
                <a:gd name="connsiteX5" fmla="*/ 1029154 w 1029154"/>
                <a:gd name="connsiteY5" fmla="*/ 89413 h 1147871"/>
                <a:gd name="connsiteX6" fmla="*/ 1029154 w 1029154"/>
                <a:gd name="connsiteY6" fmla="*/ 967018 h 1147871"/>
                <a:gd name="connsiteX7" fmla="*/ 939741 w 1029154"/>
                <a:gd name="connsiteY7" fmla="*/ 1056431 h 1147871"/>
                <a:gd name="connsiteX8" fmla="*/ 180853 w 1029154"/>
                <a:gd name="connsiteY8" fmla="*/ 1147871 h 1147871"/>
                <a:gd name="connsiteX0" fmla="*/ 89413 w 1029154"/>
                <a:gd name="connsiteY0" fmla="*/ 1056431 h 1056431"/>
                <a:gd name="connsiteX1" fmla="*/ 0 w 1029154"/>
                <a:gd name="connsiteY1" fmla="*/ 967018 h 1056431"/>
                <a:gd name="connsiteX2" fmla="*/ 0 w 1029154"/>
                <a:gd name="connsiteY2" fmla="*/ 89413 h 1056431"/>
                <a:gd name="connsiteX3" fmla="*/ 89413 w 1029154"/>
                <a:gd name="connsiteY3" fmla="*/ 0 h 1056431"/>
                <a:gd name="connsiteX4" fmla="*/ 939741 w 1029154"/>
                <a:gd name="connsiteY4" fmla="*/ 0 h 1056431"/>
                <a:gd name="connsiteX5" fmla="*/ 1029154 w 1029154"/>
                <a:gd name="connsiteY5" fmla="*/ 89413 h 1056431"/>
                <a:gd name="connsiteX6" fmla="*/ 1029154 w 1029154"/>
                <a:gd name="connsiteY6" fmla="*/ 967018 h 1056431"/>
                <a:gd name="connsiteX7" fmla="*/ 939741 w 1029154"/>
                <a:gd name="connsiteY7" fmla="*/ 1056431 h 1056431"/>
                <a:gd name="connsiteX0" fmla="*/ 89413 w 1029154"/>
                <a:gd name="connsiteY0" fmla="*/ 1056431 h 1056431"/>
                <a:gd name="connsiteX1" fmla="*/ 0 w 1029154"/>
                <a:gd name="connsiteY1" fmla="*/ 967018 h 1056431"/>
                <a:gd name="connsiteX2" fmla="*/ 0 w 1029154"/>
                <a:gd name="connsiteY2" fmla="*/ 89413 h 1056431"/>
                <a:gd name="connsiteX3" fmla="*/ 89413 w 1029154"/>
                <a:gd name="connsiteY3" fmla="*/ 0 h 1056431"/>
                <a:gd name="connsiteX4" fmla="*/ 939741 w 1029154"/>
                <a:gd name="connsiteY4" fmla="*/ 0 h 1056431"/>
                <a:gd name="connsiteX5" fmla="*/ 1029154 w 1029154"/>
                <a:gd name="connsiteY5" fmla="*/ 89413 h 1056431"/>
                <a:gd name="connsiteX6" fmla="*/ 1029154 w 1029154"/>
                <a:gd name="connsiteY6" fmla="*/ 967018 h 1056431"/>
                <a:gd name="connsiteX0" fmla="*/ 89413 w 1029154"/>
                <a:gd name="connsiteY0" fmla="*/ 1056431 h 1056431"/>
                <a:gd name="connsiteX1" fmla="*/ 0 w 1029154"/>
                <a:gd name="connsiteY1" fmla="*/ 967018 h 1056431"/>
                <a:gd name="connsiteX2" fmla="*/ 0 w 1029154"/>
                <a:gd name="connsiteY2" fmla="*/ 89413 h 1056431"/>
                <a:gd name="connsiteX3" fmla="*/ 89413 w 1029154"/>
                <a:gd name="connsiteY3" fmla="*/ 0 h 1056431"/>
                <a:gd name="connsiteX4" fmla="*/ 939741 w 1029154"/>
                <a:gd name="connsiteY4" fmla="*/ 0 h 1056431"/>
                <a:gd name="connsiteX5" fmla="*/ 1029154 w 1029154"/>
                <a:gd name="connsiteY5" fmla="*/ 89413 h 1056431"/>
                <a:gd name="connsiteX0" fmla="*/ 89413 w 939741"/>
                <a:gd name="connsiteY0" fmla="*/ 1056431 h 1056431"/>
                <a:gd name="connsiteX1" fmla="*/ 0 w 939741"/>
                <a:gd name="connsiteY1" fmla="*/ 967018 h 1056431"/>
                <a:gd name="connsiteX2" fmla="*/ 0 w 939741"/>
                <a:gd name="connsiteY2" fmla="*/ 89413 h 1056431"/>
                <a:gd name="connsiteX3" fmla="*/ 89413 w 939741"/>
                <a:gd name="connsiteY3" fmla="*/ 0 h 1056431"/>
                <a:gd name="connsiteX4" fmla="*/ 939741 w 939741"/>
                <a:gd name="connsiteY4" fmla="*/ 0 h 1056431"/>
                <a:gd name="connsiteX0" fmla="*/ 89413 w 178825"/>
                <a:gd name="connsiteY0" fmla="*/ 1061906 h 1061906"/>
                <a:gd name="connsiteX1" fmla="*/ 0 w 178825"/>
                <a:gd name="connsiteY1" fmla="*/ 972493 h 1061906"/>
                <a:gd name="connsiteX2" fmla="*/ 0 w 178825"/>
                <a:gd name="connsiteY2" fmla="*/ 94888 h 1061906"/>
                <a:gd name="connsiteX3" fmla="*/ 89413 w 178825"/>
                <a:gd name="connsiteY3" fmla="*/ 5475 h 1061906"/>
                <a:gd name="connsiteX4" fmla="*/ 178825 w 178825"/>
                <a:gd name="connsiteY4" fmla="*/ 0 h 1061906"/>
                <a:gd name="connsiteX0" fmla="*/ 0 w 178825"/>
                <a:gd name="connsiteY0" fmla="*/ 972493 h 972493"/>
                <a:gd name="connsiteX1" fmla="*/ 0 w 178825"/>
                <a:gd name="connsiteY1" fmla="*/ 94888 h 972493"/>
                <a:gd name="connsiteX2" fmla="*/ 89413 w 178825"/>
                <a:gd name="connsiteY2" fmla="*/ 5475 h 972493"/>
                <a:gd name="connsiteX3" fmla="*/ 178825 w 178825"/>
                <a:gd name="connsiteY3" fmla="*/ 0 h 972493"/>
              </a:gdLst>
              <a:ahLst/>
              <a:cxnLst>
                <a:cxn ang="0">
                  <a:pos x="connsiteX0" y="connsiteY0"/>
                </a:cxn>
                <a:cxn ang="0">
                  <a:pos x="connsiteX1" y="connsiteY1"/>
                </a:cxn>
                <a:cxn ang="0">
                  <a:pos x="connsiteX2" y="connsiteY2"/>
                </a:cxn>
                <a:cxn ang="0">
                  <a:pos x="connsiteX3" y="connsiteY3"/>
                </a:cxn>
              </a:cxnLst>
              <a:rect l="l" t="t" r="r" b="b"/>
              <a:pathLst>
                <a:path w="178825" h="972493">
                  <a:moveTo>
                    <a:pt x="0" y="972493"/>
                  </a:moveTo>
                  <a:lnTo>
                    <a:pt x="0" y="94888"/>
                  </a:lnTo>
                  <a:cubicBezTo>
                    <a:pt x="0" y="45507"/>
                    <a:pt x="40032" y="5475"/>
                    <a:pt x="89413" y="5475"/>
                  </a:cubicBezTo>
                  <a:lnTo>
                    <a:pt x="178825" y="0"/>
                  </a:lnTo>
                </a:path>
              </a:pathLst>
            </a:custGeom>
            <a:noFill/>
            <a:ln w="38100" cap="rnd"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47" name="Oval 46"/>
            <p:cNvSpPr/>
            <p:nvPr/>
          </p:nvSpPr>
          <p:spPr>
            <a:xfrm>
              <a:off x="7154806" y="2627692"/>
              <a:ext cx="613112" cy="613112"/>
            </a:xfrm>
            <a:prstGeom prst="ellipse">
              <a:avLst/>
            </a:prstGeom>
            <a:noFill/>
            <a:ln w="38100"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grpSp>
          <p:nvGrpSpPr>
            <p:cNvPr id="48" name="Group 47"/>
            <p:cNvGrpSpPr/>
            <p:nvPr/>
          </p:nvGrpSpPr>
          <p:grpSpPr>
            <a:xfrm rot="12462491">
              <a:off x="7787253" y="2927180"/>
              <a:ext cx="401764" cy="700309"/>
              <a:chOff x="6753114" y="3746951"/>
              <a:chExt cx="401764" cy="700309"/>
            </a:xfrm>
          </p:grpSpPr>
          <p:sp>
            <p:nvSpPr>
              <p:cNvPr id="55" name="Oval 10"/>
              <p:cNvSpPr/>
              <p:nvPr/>
            </p:nvSpPr>
            <p:spPr>
              <a:xfrm>
                <a:off x="6753114" y="3802046"/>
                <a:ext cx="401764" cy="571967"/>
              </a:xfrm>
              <a:custGeom>
                <a:avLst/>
                <a:gdLst>
                  <a:gd name="connsiteX0" fmla="*/ 0 w 388670"/>
                  <a:gd name="connsiteY0" fmla="*/ 284667 h 569333"/>
                  <a:gd name="connsiteX1" fmla="*/ 194335 w 388670"/>
                  <a:gd name="connsiteY1" fmla="*/ 0 h 569333"/>
                  <a:gd name="connsiteX2" fmla="*/ 388670 w 388670"/>
                  <a:gd name="connsiteY2" fmla="*/ 284667 h 569333"/>
                  <a:gd name="connsiteX3" fmla="*/ 194335 w 388670"/>
                  <a:gd name="connsiteY3" fmla="*/ 569334 h 569333"/>
                  <a:gd name="connsiteX4" fmla="*/ 0 w 388670"/>
                  <a:gd name="connsiteY4" fmla="*/ 284667 h 569333"/>
                  <a:gd name="connsiteX0" fmla="*/ 194335 w 388670"/>
                  <a:gd name="connsiteY0" fmla="*/ 0 h 569334"/>
                  <a:gd name="connsiteX1" fmla="*/ 388670 w 388670"/>
                  <a:gd name="connsiteY1" fmla="*/ 284667 h 569334"/>
                  <a:gd name="connsiteX2" fmla="*/ 194335 w 388670"/>
                  <a:gd name="connsiteY2" fmla="*/ 569334 h 569334"/>
                  <a:gd name="connsiteX3" fmla="*/ 0 w 388670"/>
                  <a:gd name="connsiteY3" fmla="*/ 284667 h 569334"/>
                  <a:gd name="connsiteX4" fmla="*/ 285775 w 388670"/>
                  <a:gd name="connsiteY4" fmla="*/ 91440 h 569334"/>
                  <a:gd name="connsiteX0" fmla="*/ 194464 w 388799"/>
                  <a:gd name="connsiteY0" fmla="*/ 1293 h 570627"/>
                  <a:gd name="connsiteX1" fmla="*/ 388799 w 388799"/>
                  <a:gd name="connsiteY1" fmla="*/ 285960 h 570627"/>
                  <a:gd name="connsiteX2" fmla="*/ 194464 w 388799"/>
                  <a:gd name="connsiteY2" fmla="*/ 570627 h 570627"/>
                  <a:gd name="connsiteX3" fmla="*/ 129 w 388799"/>
                  <a:gd name="connsiteY3" fmla="*/ 285960 h 570627"/>
                  <a:gd name="connsiteX4" fmla="*/ 218709 w 388799"/>
                  <a:gd name="connsiteY4" fmla="*/ 18820 h 570627"/>
                  <a:gd name="connsiteX0" fmla="*/ 194464 w 388799"/>
                  <a:gd name="connsiteY0" fmla="*/ 0 h 569334"/>
                  <a:gd name="connsiteX1" fmla="*/ 388799 w 388799"/>
                  <a:gd name="connsiteY1" fmla="*/ 284667 h 569334"/>
                  <a:gd name="connsiteX2" fmla="*/ 194464 w 388799"/>
                  <a:gd name="connsiteY2" fmla="*/ 569334 h 569334"/>
                  <a:gd name="connsiteX3" fmla="*/ 129 w 388799"/>
                  <a:gd name="connsiteY3" fmla="*/ 284667 h 569334"/>
                  <a:gd name="connsiteX4" fmla="*/ 218709 w 388799"/>
                  <a:gd name="connsiteY4" fmla="*/ 17527 h 569334"/>
                  <a:gd name="connsiteX0" fmla="*/ 200752 w 395087"/>
                  <a:gd name="connsiteY0" fmla="*/ 0 h 569334"/>
                  <a:gd name="connsiteX1" fmla="*/ 395087 w 395087"/>
                  <a:gd name="connsiteY1" fmla="*/ 284667 h 569334"/>
                  <a:gd name="connsiteX2" fmla="*/ 200752 w 395087"/>
                  <a:gd name="connsiteY2" fmla="*/ 569334 h 569334"/>
                  <a:gd name="connsiteX3" fmla="*/ 6417 w 395087"/>
                  <a:gd name="connsiteY3" fmla="*/ 284667 h 569334"/>
                  <a:gd name="connsiteX4" fmla="*/ 161161 w 395087"/>
                  <a:gd name="connsiteY4" fmla="*/ 4088 h 569334"/>
                  <a:gd name="connsiteX0" fmla="*/ 195128 w 389463"/>
                  <a:gd name="connsiteY0" fmla="*/ 0 h 569334"/>
                  <a:gd name="connsiteX1" fmla="*/ 389463 w 389463"/>
                  <a:gd name="connsiteY1" fmla="*/ 284667 h 569334"/>
                  <a:gd name="connsiteX2" fmla="*/ 195128 w 389463"/>
                  <a:gd name="connsiteY2" fmla="*/ 569334 h 569334"/>
                  <a:gd name="connsiteX3" fmla="*/ 793 w 389463"/>
                  <a:gd name="connsiteY3" fmla="*/ 284667 h 569334"/>
                  <a:gd name="connsiteX4" fmla="*/ 155537 w 389463"/>
                  <a:gd name="connsiteY4" fmla="*/ 4088 h 569334"/>
                  <a:gd name="connsiteX0" fmla="*/ 195313 w 389648"/>
                  <a:gd name="connsiteY0" fmla="*/ 2632 h 571966"/>
                  <a:gd name="connsiteX1" fmla="*/ 389648 w 389648"/>
                  <a:gd name="connsiteY1" fmla="*/ 287299 h 571966"/>
                  <a:gd name="connsiteX2" fmla="*/ 195313 w 389648"/>
                  <a:gd name="connsiteY2" fmla="*/ 571966 h 571966"/>
                  <a:gd name="connsiteX3" fmla="*/ 978 w 389648"/>
                  <a:gd name="connsiteY3" fmla="*/ 287299 h 571966"/>
                  <a:gd name="connsiteX4" fmla="*/ 152362 w 389648"/>
                  <a:gd name="connsiteY4" fmla="*/ 0 h 571966"/>
                  <a:gd name="connsiteX0" fmla="*/ 195083 w 389418"/>
                  <a:gd name="connsiteY0" fmla="*/ 2632 h 571966"/>
                  <a:gd name="connsiteX1" fmla="*/ 389418 w 389418"/>
                  <a:gd name="connsiteY1" fmla="*/ 287299 h 571966"/>
                  <a:gd name="connsiteX2" fmla="*/ 195083 w 389418"/>
                  <a:gd name="connsiteY2" fmla="*/ 571966 h 571966"/>
                  <a:gd name="connsiteX3" fmla="*/ 748 w 389418"/>
                  <a:gd name="connsiteY3" fmla="*/ 287299 h 571966"/>
                  <a:gd name="connsiteX4" fmla="*/ 152132 w 389418"/>
                  <a:gd name="connsiteY4" fmla="*/ 0 h 571966"/>
                  <a:gd name="connsiteX0" fmla="*/ 242119 w 389418"/>
                  <a:gd name="connsiteY0" fmla="*/ 2632 h 571966"/>
                  <a:gd name="connsiteX1" fmla="*/ 389418 w 389418"/>
                  <a:gd name="connsiteY1" fmla="*/ 287299 h 571966"/>
                  <a:gd name="connsiteX2" fmla="*/ 195083 w 389418"/>
                  <a:gd name="connsiteY2" fmla="*/ 571966 h 571966"/>
                  <a:gd name="connsiteX3" fmla="*/ 748 w 389418"/>
                  <a:gd name="connsiteY3" fmla="*/ 287299 h 571966"/>
                  <a:gd name="connsiteX4" fmla="*/ 152132 w 389418"/>
                  <a:gd name="connsiteY4" fmla="*/ 0 h 571966"/>
                  <a:gd name="connsiteX0" fmla="*/ 242119 w 389418"/>
                  <a:gd name="connsiteY0" fmla="*/ 2632 h 571966"/>
                  <a:gd name="connsiteX1" fmla="*/ 389418 w 389418"/>
                  <a:gd name="connsiteY1" fmla="*/ 287299 h 571966"/>
                  <a:gd name="connsiteX2" fmla="*/ 195083 w 389418"/>
                  <a:gd name="connsiteY2" fmla="*/ 571966 h 571966"/>
                  <a:gd name="connsiteX3" fmla="*/ 748 w 389418"/>
                  <a:gd name="connsiteY3" fmla="*/ 287299 h 571966"/>
                  <a:gd name="connsiteX4" fmla="*/ 152132 w 389418"/>
                  <a:gd name="connsiteY4" fmla="*/ 0 h 571966"/>
                  <a:gd name="connsiteX0" fmla="*/ 243162 w 390461"/>
                  <a:gd name="connsiteY0" fmla="*/ 2632 h 571966"/>
                  <a:gd name="connsiteX1" fmla="*/ 390461 w 390461"/>
                  <a:gd name="connsiteY1" fmla="*/ 287299 h 571966"/>
                  <a:gd name="connsiteX2" fmla="*/ 196126 w 390461"/>
                  <a:gd name="connsiteY2" fmla="*/ 571966 h 571966"/>
                  <a:gd name="connsiteX3" fmla="*/ 1791 w 390461"/>
                  <a:gd name="connsiteY3" fmla="*/ 287299 h 571966"/>
                  <a:gd name="connsiteX4" fmla="*/ 136376 w 390461"/>
                  <a:gd name="connsiteY4" fmla="*/ 0 h 571966"/>
                  <a:gd name="connsiteX0" fmla="*/ 242404 w 389703"/>
                  <a:gd name="connsiteY0" fmla="*/ 2632 h 571966"/>
                  <a:gd name="connsiteX1" fmla="*/ 389703 w 389703"/>
                  <a:gd name="connsiteY1" fmla="*/ 287299 h 571966"/>
                  <a:gd name="connsiteX2" fmla="*/ 195368 w 389703"/>
                  <a:gd name="connsiteY2" fmla="*/ 571966 h 571966"/>
                  <a:gd name="connsiteX3" fmla="*/ 1033 w 389703"/>
                  <a:gd name="connsiteY3" fmla="*/ 287299 h 571966"/>
                  <a:gd name="connsiteX4" fmla="*/ 135618 w 389703"/>
                  <a:gd name="connsiteY4" fmla="*/ 0 h 571966"/>
                  <a:gd name="connsiteX0" fmla="*/ 255843 w 389703"/>
                  <a:gd name="connsiteY0" fmla="*/ 2632 h 571966"/>
                  <a:gd name="connsiteX1" fmla="*/ 389703 w 389703"/>
                  <a:gd name="connsiteY1" fmla="*/ 287299 h 571966"/>
                  <a:gd name="connsiteX2" fmla="*/ 195368 w 389703"/>
                  <a:gd name="connsiteY2" fmla="*/ 571966 h 571966"/>
                  <a:gd name="connsiteX3" fmla="*/ 1033 w 389703"/>
                  <a:gd name="connsiteY3" fmla="*/ 287299 h 571966"/>
                  <a:gd name="connsiteX4" fmla="*/ 135618 w 389703"/>
                  <a:gd name="connsiteY4" fmla="*/ 0 h 571966"/>
                  <a:gd name="connsiteX0" fmla="*/ 255843 w 389703"/>
                  <a:gd name="connsiteY0" fmla="*/ 2632 h 571966"/>
                  <a:gd name="connsiteX1" fmla="*/ 389703 w 389703"/>
                  <a:gd name="connsiteY1" fmla="*/ 287299 h 571966"/>
                  <a:gd name="connsiteX2" fmla="*/ 195368 w 389703"/>
                  <a:gd name="connsiteY2" fmla="*/ 571966 h 571966"/>
                  <a:gd name="connsiteX3" fmla="*/ 1033 w 389703"/>
                  <a:gd name="connsiteY3" fmla="*/ 287299 h 571966"/>
                  <a:gd name="connsiteX4" fmla="*/ 135618 w 389703"/>
                  <a:gd name="connsiteY4" fmla="*/ 0 h 571966"/>
                  <a:gd name="connsiteX0" fmla="*/ 256363 w 390223"/>
                  <a:gd name="connsiteY0" fmla="*/ 5992 h 575326"/>
                  <a:gd name="connsiteX1" fmla="*/ 390223 w 390223"/>
                  <a:gd name="connsiteY1" fmla="*/ 290659 h 575326"/>
                  <a:gd name="connsiteX2" fmla="*/ 195888 w 390223"/>
                  <a:gd name="connsiteY2" fmla="*/ 575326 h 575326"/>
                  <a:gd name="connsiteX3" fmla="*/ 1553 w 390223"/>
                  <a:gd name="connsiteY3" fmla="*/ 290659 h 575326"/>
                  <a:gd name="connsiteX4" fmla="*/ 126059 w 390223"/>
                  <a:gd name="connsiteY4" fmla="*/ 0 h 575326"/>
                  <a:gd name="connsiteX0" fmla="*/ 255999 w 389859"/>
                  <a:gd name="connsiteY0" fmla="*/ 2633 h 571967"/>
                  <a:gd name="connsiteX1" fmla="*/ 389859 w 389859"/>
                  <a:gd name="connsiteY1" fmla="*/ 287300 h 571967"/>
                  <a:gd name="connsiteX2" fmla="*/ 195524 w 389859"/>
                  <a:gd name="connsiteY2" fmla="*/ 571967 h 571967"/>
                  <a:gd name="connsiteX3" fmla="*/ 1189 w 389859"/>
                  <a:gd name="connsiteY3" fmla="*/ 287300 h 571967"/>
                  <a:gd name="connsiteX4" fmla="*/ 132414 w 389859"/>
                  <a:gd name="connsiteY4" fmla="*/ 0 h 571967"/>
                  <a:gd name="connsiteX0" fmla="*/ 256528 w 390388"/>
                  <a:gd name="connsiteY0" fmla="*/ 2633 h 571967"/>
                  <a:gd name="connsiteX1" fmla="*/ 390388 w 390388"/>
                  <a:gd name="connsiteY1" fmla="*/ 287300 h 571967"/>
                  <a:gd name="connsiteX2" fmla="*/ 196053 w 390388"/>
                  <a:gd name="connsiteY2" fmla="*/ 571967 h 571967"/>
                  <a:gd name="connsiteX3" fmla="*/ 1718 w 390388"/>
                  <a:gd name="connsiteY3" fmla="*/ 287300 h 571967"/>
                  <a:gd name="connsiteX4" fmla="*/ 132943 w 390388"/>
                  <a:gd name="connsiteY4" fmla="*/ 0 h 571967"/>
                  <a:gd name="connsiteX0" fmla="*/ 256528 w 390388"/>
                  <a:gd name="connsiteY0" fmla="*/ 2633 h 571967"/>
                  <a:gd name="connsiteX1" fmla="*/ 390388 w 390388"/>
                  <a:gd name="connsiteY1" fmla="*/ 287300 h 571967"/>
                  <a:gd name="connsiteX2" fmla="*/ 196053 w 390388"/>
                  <a:gd name="connsiteY2" fmla="*/ 571967 h 571967"/>
                  <a:gd name="connsiteX3" fmla="*/ 1718 w 390388"/>
                  <a:gd name="connsiteY3" fmla="*/ 287300 h 571967"/>
                  <a:gd name="connsiteX4" fmla="*/ 132943 w 390388"/>
                  <a:gd name="connsiteY4" fmla="*/ 0 h 571967"/>
                  <a:gd name="connsiteX0" fmla="*/ 254816 w 388676"/>
                  <a:gd name="connsiteY0" fmla="*/ 2633 h 571967"/>
                  <a:gd name="connsiteX1" fmla="*/ 388676 w 388676"/>
                  <a:gd name="connsiteY1" fmla="*/ 287300 h 571967"/>
                  <a:gd name="connsiteX2" fmla="*/ 194341 w 388676"/>
                  <a:gd name="connsiteY2" fmla="*/ 571967 h 571967"/>
                  <a:gd name="connsiteX3" fmla="*/ 6 w 388676"/>
                  <a:gd name="connsiteY3" fmla="*/ 287300 h 571967"/>
                  <a:gd name="connsiteX4" fmla="*/ 131231 w 388676"/>
                  <a:gd name="connsiteY4" fmla="*/ 0 h 571967"/>
                  <a:gd name="connsiteX0" fmla="*/ 255120 w 388980"/>
                  <a:gd name="connsiteY0" fmla="*/ 2633 h 571967"/>
                  <a:gd name="connsiteX1" fmla="*/ 388980 w 388980"/>
                  <a:gd name="connsiteY1" fmla="*/ 287300 h 571967"/>
                  <a:gd name="connsiteX2" fmla="*/ 194645 w 388980"/>
                  <a:gd name="connsiteY2" fmla="*/ 571967 h 571967"/>
                  <a:gd name="connsiteX3" fmla="*/ 310 w 388980"/>
                  <a:gd name="connsiteY3" fmla="*/ 287300 h 571967"/>
                  <a:gd name="connsiteX4" fmla="*/ 131535 w 388980"/>
                  <a:gd name="connsiteY4" fmla="*/ 0 h 571967"/>
                  <a:gd name="connsiteX0" fmla="*/ 257434 w 391294"/>
                  <a:gd name="connsiteY0" fmla="*/ 2633 h 571967"/>
                  <a:gd name="connsiteX1" fmla="*/ 391294 w 391294"/>
                  <a:gd name="connsiteY1" fmla="*/ 287300 h 571967"/>
                  <a:gd name="connsiteX2" fmla="*/ 196959 w 391294"/>
                  <a:gd name="connsiteY2" fmla="*/ 571967 h 571967"/>
                  <a:gd name="connsiteX3" fmla="*/ 2624 w 391294"/>
                  <a:gd name="connsiteY3" fmla="*/ 287300 h 571967"/>
                  <a:gd name="connsiteX4" fmla="*/ 123770 w 391294"/>
                  <a:gd name="connsiteY4" fmla="*/ 0 h 571967"/>
                  <a:gd name="connsiteX0" fmla="*/ 267513 w 391294"/>
                  <a:gd name="connsiteY0" fmla="*/ 2633 h 571967"/>
                  <a:gd name="connsiteX1" fmla="*/ 391294 w 391294"/>
                  <a:gd name="connsiteY1" fmla="*/ 287300 h 571967"/>
                  <a:gd name="connsiteX2" fmla="*/ 196959 w 391294"/>
                  <a:gd name="connsiteY2" fmla="*/ 571967 h 571967"/>
                  <a:gd name="connsiteX3" fmla="*/ 2624 w 391294"/>
                  <a:gd name="connsiteY3" fmla="*/ 287300 h 571967"/>
                  <a:gd name="connsiteX4" fmla="*/ 123770 w 391294"/>
                  <a:gd name="connsiteY4" fmla="*/ 0 h 571967"/>
                  <a:gd name="connsiteX0" fmla="*/ 264902 w 388683"/>
                  <a:gd name="connsiteY0" fmla="*/ 2633 h 571967"/>
                  <a:gd name="connsiteX1" fmla="*/ 388683 w 388683"/>
                  <a:gd name="connsiteY1" fmla="*/ 287300 h 571967"/>
                  <a:gd name="connsiteX2" fmla="*/ 194348 w 388683"/>
                  <a:gd name="connsiteY2" fmla="*/ 571967 h 571967"/>
                  <a:gd name="connsiteX3" fmla="*/ 13 w 388683"/>
                  <a:gd name="connsiteY3" fmla="*/ 287300 h 571967"/>
                  <a:gd name="connsiteX4" fmla="*/ 121159 w 388683"/>
                  <a:gd name="connsiteY4" fmla="*/ 0 h 571967"/>
                  <a:gd name="connsiteX0" fmla="*/ 264902 w 388773"/>
                  <a:gd name="connsiteY0" fmla="*/ 2633 h 571967"/>
                  <a:gd name="connsiteX1" fmla="*/ 388683 w 388773"/>
                  <a:gd name="connsiteY1" fmla="*/ 287300 h 571967"/>
                  <a:gd name="connsiteX2" fmla="*/ 194348 w 388773"/>
                  <a:gd name="connsiteY2" fmla="*/ 571967 h 571967"/>
                  <a:gd name="connsiteX3" fmla="*/ 13 w 388773"/>
                  <a:gd name="connsiteY3" fmla="*/ 287300 h 571967"/>
                  <a:gd name="connsiteX4" fmla="*/ 121159 w 388773"/>
                  <a:gd name="connsiteY4" fmla="*/ 0 h 571967"/>
                  <a:gd name="connsiteX0" fmla="*/ 264902 w 388842"/>
                  <a:gd name="connsiteY0" fmla="*/ 2633 h 571967"/>
                  <a:gd name="connsiteX1" fmla="*/ 388683 w 388842"/>
                  <a:gd name="connsiteY1" fmla="*/ 287300 h 571967"/>
                  <a:gd name="connsiteX2" fmla="*/ 194348 w 388842"/>
                  <a:gd name="connsiteY2" fmla="*/ 571967 h 571967"/>
                  <a:gd name="connsiteX3" fmla="*/ 13 w 388842"/>
                  <a:gd name="connsiteY3" fmla="*/ 287300 h 571967"/>
                  <a:gd name="connsiteX4" fmla="*/ 121159 w 388842"/>
                  <a:gd name="connsiteY4" fmla="*/ 0 h 57196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8842" h="571967">
                    <a:moveTo>
                      <a:pt x="264902" y="2633"/>
                    </a:moveTo>
                    <a:cubicBezTo>
                      <a:pt x="345351" y="2633"/>
                      <a:pt x="391935" y="99846"/>
                      <a:pt x="388683" y="287300"/>
                    </a:cubicBezTo>
                    <a:cubicBezTo>
                      <a:pt x="392043" y="461315"/>
                      <a:pt x="301676" y="571967"/>
                      <a:pt x="194348" y="571967"/>
                    </a:cubicBezTo>
                    <a:cubicBezTo>
                      <a:pt x="87020" y="571967"/>
                      <a:pt x="-1228" y="446462"/>
                      <a:pt x="13" y="287300"/>
                    </a:cubicBezTo>
                    <a:cubicBezTo>
                      <a:pt x="1254" y="128138"/>
                      <a:pt x="16465" y="9350"/>
                      <a:pt x="121159" y="0"/>
                    </a:cubicBezTo>
                  </a:path>
                </a:pathLst>
              </a:custGeom>
              <a:noFill/>
              <a:ln w="38100" cap="rnd"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56" name="Round Same Side Corner Rectangle 12"/>
              <p:cNvSpPr/>
              <p:nvPr/>
            </p:nvSpPr>
            <p:spPr>
              <a:xfrm>
                <a:off x="6886569" y="3746951"/>
                <a:ext cx="138681" cy="55095"/>
              </a:xfrm>
              <a:custGeom>
                <a:avLst/>
                <a:gdLst>
                  <a:gd name="connsiteX0" fmla="*/ 11861 w 138681"/>
                  <a:gd name="connsiteY0" fmla="*/ 0 h 71167"/>
                  <a:gd name="connsiteX1" fmla="*/ 126820 w 138681"/>
                  <a:gd name="connsiteY1" fmla="*/ 0 h 71167"/>
                  <a:gd name="connsiteX2" fmla="*/ 138681 w 138681"/>
                  <a:gd name="connsiteY2" fmla="*/ 11861 h 71167"/>
                  <a:gd name="connsiteX3" fmla="*/ 138681 w 138681"/>
                  <a:gd name="connsiteY3" fmla="*/ 71167 h 71167"/>
                  <a:gd name="connsiteX4" fmla="*/ 138681 w 138681"/>
                  <a:gd name="connsiteY4" fmla="*/ 71167 h 71167"/>
                  <a:gd name="connsiteX5" fmla="*/ 0 w 138681"/>
                  <a:gd name="connsiteY5" fmla="*/ 71167 h 71167"/>
                  <a:gd name="connsiteX6" fmla="*/ 0 w 138681"/>
                  <a:gd name="connsiteY6" fmla="*/ 71167 h 71167"/>
                  <a:gd name="connsiteX7" fmla="*/ 0 w 138681"/>
                  <a:gd name="connsiteY7" fmla="*/ 11861 h 71167"/>
                  <a:gd name="connsiteX8" fmla="*/ 11861 w 138681"/>
                  <a:gd name="connsiteY8" fmla="*/ 0 h 71167"/>
                  <a:gd name="connsiteX0" fmla="*/ 11861 w 138681"/>
                  <a:gd name="connsiteY0" fmla="*/ 0 h 71167"/>
                  <a:gd name="connsiteX1" fmla="*/ 126820 w 138681"/>
                  <a:gd name="connsiteY1" fmla="*/ 0 h 71167"/>
                  <a:gd name="connsiteX2" fmla="*/ 138681 w 138681"/>
                  <a:gd name="connsiteY2" fmla="*/ 11861 h 71167"/>
                  <a:gd name="connsiteX3" fmla="*/ 138681 w 138681"/>
                  <a:gd name="connsiteY3" fmla="*/ 71167 h 71167"/>
                  <a:gd name="connsiteX4" fmla="*/ 138681 w 138681"/>
                  <a:gd name="connsiteY4" fmla="*/ 71167 h 71167"/>
                  <a:gd name="connsiteX5" fmla="*/ 71489 w 138681"/>
                  <a:gd name="connsiteY5" fmla="*/ 69676 h 71167"/>
                  <a:gd name="connsiteX6" fmla="*/ 0 w 138681"/>
                  <a:gd name="connsiteY6" fmla="*/ 71167 h 71167"/>
                  <a:gd name="connsiteX7" fmla="*/ 0 w 138681"/>
                  <a:gd name="connsiteY7" fmla="*/ 71167 h 71167"/>
                  <a:gd name="connsiteX8" fmla="*/ 0 w 138681"/>
                  <a:gd name="connsiteY8" fmla="*/ 11861 h 71167"/>
                  <a:gd name="connsiteX9" fmla="*/ 11861 w 138681"/>
                  <a:gd name="connsiteY9" fmla="*/ 0 h 71167"/>
                  <a:gd name="connsiteX0" fmla="*/ 71489 w 162929"/>
                  <a:gd name="connsiteY0" fmla="*/ 69676 h 161116"/>
                  <a:gd name="connsiteX1" fmla="*/ 0 w 162929"/>
                  <a:gd name="connsiteY1" fmla="*/ 71167 h 161116"/>
                  <a:gd name="connsiteX2" fmla="*/ 0 w 162929"/>
                  <a:gd name="connsiteY2" fmla="*/ 71167 h 161116"/>
                  <a:gd name="connsiteX3" fmla="*/ 0 w 162929"/>
                  <a:gd name="connsiteY3" fmla="*/ 11861 h 161116"/>
                  <a:gd name="connsiteX4" fmla="*/ 11861 w 162929"/>
                  <a:gd name="connsiteY4" fmla="*/ 0 h 161116"/>
                  <a:gd name="connsiteX5" fmla="*/ 126820 w 162929"/>
                  <a:gd name="connsiteY5" fmla="*/ 0 h 161116"/>
                  <a:gd name="connsiteX6" fmla="*/ 138681 w 162929"/>
                  <a:gd name="connsiteY6" fmla="*/ 11861 h 161116"/>
                  <a:gd name="connsiteX7" fmla="*/ 138681 w 162929"/>
                  <a:gd name="connsiteY7" fmla="*/ 71167 h 161116"/>
                  <a:gd name="connsiteX8" fmla="*/ 138681 w 162929"/>
                  <a:gd name="connsiteY8" fmla="*/ 71167 h 161116"/>
                  <a:gd name="connsiteX9" fmla="*/ 162929 w 162929"/>
                  <a:gd name="connsiteY9" fmla="*/ 161116 h 161116"/>
                  <a:gd name="connsiteX0" fmla="*/ 71489 w 138681"/>
                  <a:gd name="connsiteY0" fmla="*/ 69676 h 71167"/>
                  <a:gd name="connsiteX1" fmla="*/ 0 w 138681"/>
                  <a:gd name="connsiteY1" fmla="*/ 71167 h 71167"/>
                  <a:gd name="connsiteX2" fmla="*/ 0 w 138681"/>
                  <a:gd name="connsiteY2" fmla="*/ 71167 h 71167"/>
                  <a:gd name="connsiteX3" fmla="*/ 0 w 138681"/>
                  <a:gd name="connsiteY3" fmla="*/ 11861 h 71167"/>
                  <a:gd name="connsiteX4" fmla="*/ 11861 w 138681"/>
                  <a:gd name="connsiteY4" fmla="*/ 0 h 71167"/>
                  <a:gd name="connsiteX5" fmla="*/ 126820 w 138681"/>
                  <a:gd name="connsiteY5" fmla="*/ 0 h 71167"/>
                  <a:gd name="connsiteX6" fmla="*/ 138681 w 138681"/>
                  <a:gd name="connsiteY6" fmla="*/ 11861 h 71167"/>
                  <a:gd name="connsiteX7" fmla="*/ 138681 w 138681"/>
                  <a:gd name="connsiteY7" fmla="*/ 71167 h 71167"/>
                  <a:gd name="connsiteX8" fmla="*/ 138681 w 138681"/>
                  <a:gd name="connsiteY8" fmla="*/ 71167 h 71167"/>
                  <a:gd name="connsiteX0" fmla="*/ 0 w 138681"/>
                  <a:gd name="connsiteY0" fmla="*/ 71167 h 71167"/>
                  <a:gd name="connsiteX1" fmla="*/ 0 w 138681"/>
                  <a:gd name="connsiteY1" fmla="*/ 71167 h 71167"/>
                  <a:gd name="connsiteX2" fmla="*/ 0 w 138681"/>
                  <a:gd name="connsiteY2" fmla="*/ 11861 h 71167"/>
                  <a:gd name="connsiteX3" fmla="*/ 11861 w 138681"/>
                  <a:gd name="connsiteY3" fmla="*/ 0 h 71167"/>
                  <a:gd name="connsiteX4" fmla="*/ 126820 w 138681"/>
                  <a:gd name="connsiteY4" fmla="*/ 0 h 71167"/>
                  <a:gd name="connsiteX5" fmla="*/ 138681 w 138681"/>
                  <a:gd name="connsiteY5" fmla="*/ 11861 h 71167"/>
                  <a:gd name="connsiteX6" fmla="*/ 138681 w 138681"/>
                  <a:gd name="connsiteY6" fmla="*/ 71167 h 71167"/>
                  <a:gd name="connsiteX7" fmla="*/ 138681 w 138681"/>
                  <a:gd name="connsiteY7" fmla="*/ 71167 h 71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38681" h="71167">
                    <a:moveTo>
                      <a:pt x="0" y="71167"/>
                    </a:moveTo>
                    <a:lnTo>
                      <a:pt x="0" y="71167"/>
                    </a:lnTo>
                    <a:lnTo>
                      <a:pt x="0" y="11861"/>
                    </a:lnTo>
                    <a:cubicBezTo>
                      <a:pt x="0" y="5310"/>
                      <a:pt x="5310" y="0"/>
                      <a:pt x="11861" y="0"/>
                    </a:cubicBezTo>
                    <a:lnTo>
                      <a:pt x="126820" y="0"/>
                    </a:lnTo>
                    <a:cubicBezTo>
                      <a:pt x="133371" y="0"/>
                      <a:pt x="138681" y="5310"/>
                      <a:pt x="138681" y="11861"/>
                    </a:cubicBezTo>
                    <a:lnTo>
                      <a:pt x="138681" y="71167"/>
                    </a:lnTo>
                    <a:lnTo>
                      <a:pt x="138681" y="71167"/>
                    </a:lnTo>
                  </a:path>
                </a:pathLst>
              </a:custGeom>
              <a:noFill/>
              <a:ln w="38100" cap="rnd"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57" name="Round Same Side Corner Rectangle 56"/>
              <p:cNvSpPr/>
              <p:nvPr/>
            </p:nvSpPr>
            <p:spPr>
              <a:xfrm flipV="1">
                <a:off x="6886569" y="4376093"/>
                <a:ext cx="138681" cy="71167"/>
              </a:xfrm>
              <a:prstGeom prst="round2SameRect">
                <a:avLst/>
              </a:prstGeom>
              <a:noFill/>
              <a:ln w="38100"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grpSp>
        <p:sp>
          <p:nvSpPr>
            <p:cNvPr id="49" name="Rounded Rectangle 18"/>
            <p:cNvSpPr/>
            <p:nvPr/>
          </p:nvSpPr>
          <p:spPr>
            <a:xfrm>
              <a:off x="7459877" y="3140031"/>
              <a:ext cx="361638" cy="710631"/>
            </a:xfrm>
            <a:custGeom>
              <a:avLst/>
              <a:gdLst>
                <a:gd name="connsiteX0" fmla="*/ 0 w 302717"/>
                <a:gd name="connsiteY0" fmla="*/ 151359 h 861989"/>
                <a:gd name="connsiteX1" fmla="*/ 151359 w 302717"/>
                <a:gd name="connsiteY1" fmla="*/ 0 h 861989"/>
                <a:gd name="connsiteX2" fmla="*/ 151359 w 302717"/>
                <a:gd name="connsiteY2" fmla="*/ 0 h 861989"/>
                <a:gd name="connsiteX3" fmla="*/ 302718 w 302717"/>
                <a:gd name="connsiteY3" fmla="*/ 151359 h 861989"/>
                <a:gd name="connsiteX4" fmla="*/ 302717 w 302717"/>
                <a:gd name="connsiteY4" fmla="*/ 710631 h 861989"/>
                <a:gd name="connsiteX5" fmla="*/ 151358 w 302717"/>
                <a:gd name="connsiteY5" fmla="*/ 861990 h 861989"/>
                <a:gd name="connsiteX6" fmla="*/ 151359 w 302717"/>
                <a:gd name="connsiteY6" fmla="*/ 861989 h 861989"/>
                <a:gd name="connsiteX7" fmla="*/ 0 w 302717"/>
                <a:gd name="connsiteY7" fmla="*/ 710630 h 861989"/>
                <a:gd name="connsiteX8" fmla="*/ 0 w 302717"/>
                <a:gd name="connsiteY8" fmla="*/ 151359 h 861989"/>
                <a:gd name="connsiteX0" fmla="*/ 151359 w 302718"/>
                <a:gd name="connsiteY0" fmla="*/ 0 h 861990"/>
                <a:gd name="connsiteX1" fmla="*/ 302718 w 302718"/>
                <a:gd name="connsiteY1" fmla="*/ 151359 h 861990"/>
                <a:gd name="connsiteX2" fmla="*/ 302717 w 302718"/>
                <a:gd name="connsiteY2" fmla="*/ 710631 h 861990"/>
                <a:gd name="connsiteX3" fmla="*/ 151358 w 302718"/>
                <a:gd name="connsiteY3" fmla="*/ 861990 h 861990"/>
                <a:gd name="connsiteX4" fmla="*/ 151359 w 302718"/>
                <a:gd name="connsiteY4" fmla="*/ 861989 h 861990"/>
                <a:gd name="connsiteX5" fmla="*/ 0 w 302718"/>
                <a:gd name="connsiteY5" fmla="*/ 710630 h 861990"/>
                <a:gd name="connsiteX6" fmla="*/ 0 w 302718"/>
                <a:gd name="connsiteY6" fmla="*/ 151359 h 861990"/>
                <a:gd name="connsiteX7" fmla="*/ 151359 w 302718"/>
                <a:gd name="connsiteY7" fmla="*/ 0 h 861990"/>
                <a:gd name="connsiteX8" fmla="*/ 242799 w 302718"/>
                <a:gd name="connsiteY8" fmla="*/ 91440 h 861990"/>
                <a:gd name="connsiteX0" fmla="*/ 151359 w 302718"/>
                <a:gd name="connsiteY0" fmla="*/ 0 h 861990"/>
                <a:gd name="connsiteX1" fmla="*/ 302718 w 302718"/>
                <a:gd name="connsiteY1" fmla="*/ 151359 h 861990"/>
                <a:gd name="connsiteX2" fmla="*/ 302717 w 302718"/>
                <a:gd name="connsiteY2" fmla="*/ 710631 h 861990"/>
                <a:gd name="connsiteX3" fmla="*/ 151358 w 302718"/>
                <a:gd name="connsiteY3" fmla="*/ 861990 h 861990"/>
                <a:gd name="connsiteX4" fmla="*/ 151359 w 302718"/>
                <a:gd name="connsiteY4" fmla="*/ 861989 h 861990"/>
                <a:gd name="connsiteX5" fmla="*/ 0 w 302718"/>
                <a:gd name="connsiteY5" fmla="*/ 710630 h 861990"/>
                <a:gd name="connsiteX6" fmla="*/ 0 w 302718"/>
                <a:gd name="connsiteY6" fmla="*/ 151359 h 861990"/>
                <a:gd name="connsiteX7" fmla="*/ 151359 w 302718"/>
                <a:gd name="connsiteY7" fmla="*/ 0 h 861990"/>
                <a:gd name="connsiteX0" fmla="*/ 151359 w 302718"/>
                <a:gd name="connsiteY0" fmla="*/ 0 h 861990"/>
                <a:gd name="connsiteX1" fmla="*/ 302718 w 302718"/>
                <a:gd name="connsiteY1" fmla="*/ 151359 h 861990"/>
                <a:gd name="connsiteX2" fmla="*/ 302717 w 302718"/>
                <a:gd name="connsiteY2" fmla="*/ 710631 h 861990"/>
                <a:gd name="connsiteX3" fmla="*/ 151358 w 302718"/>
                <a:gd name="connsiteY3" fmla="*/ 861990 h 861990"/>
                <a:gd name="connsiteX4" fmla="*/ 151359 w 302718"/>
                <a:gd name="connsiteY4" fmla="*/ 861989 h 861990"/>
                <a:gd name="connsiteX5" fmla="*/ 0 w 302718"/>
                <a:gd name="connsiteY5" fmla="*/ 710630 h 861990"/>
                <a:gd name="connsiteX6" fmla="*/ 0 w 302718"/>
                <a:gd name="connsiteY6" fmla="*/ 151359 h 861990"/>
                <a:gd name="connsiteX0" fmla="*/ 302718 w 302718"/>
                <a:gd name="connsiteY0" fmla="*/ 0 h 710631"/>
                <a:gd name="connsiteX1" fmla="*/ 302717 w 302718"/>
                <a:gd name="connsiteY1" fmla="*/ 559272 h 710631"/>
                <a:gd name="connsiteX2" fmla="*/ 151358 w 302718"/>
                <a:gd name="connsiteY2" fmla="*/ 710631 h 710631"/>
                <a:gd name="connsiteX3" fmla="*/ 151359 w 302718"/>
                <a:gd name="connsiteY3" fmla="*/ 710630 h 710631"/>
                <a:gd name="connsiteX4" fmla="*/ 0 w 302718"/>
                <a:gd name="connsiteY4" fmla="*/ 559271 h 710631"/>
                <a:gd name="connsiteX5" fmla="*/ 0 w 302718"/>
                <a:gd name="connsiteY5" fmla="*/ 0 h 710631"/>
                <a:gd name="connsiteX0" fmla="*/ 302718 w 312465"/>
                <a:gd name="connsiteY0" fmla="*/ 0 h 710631"/>
                <a:gd name="connsiteX1" fmla="*/ 297954 w 312465"/>
                <a:gd name="connsiteY1" fmla="*/ 281921 h 710631"/>
                <a:gd name="connsiteX2" fmla="*/ 302717 w 312465"/>
                <a:gd name="connsiteY2" fmla="*/ 559272 h 710631"/>
                <a:gd name="connsiteX3" fmla="*/ 151358 w 312465"/>
                <a:gd name="connsiteY3" fmla="*/ 710631 h 710631"/>
                <a:gd name="connsiteX4" fmla="*/ 151359 w 312465"/>
                <a:gd name="connsiteY4" fmla="*/ 710630 h 710631"/>
                <a:gd name="connsiteX5" fmla="*/ 0 w 312465"/>
                <a:gd name="connsiteY5" fmla="*/ 559271 h 710631"/>
                <a:gd name="connsiteX6" fmla="*/ 0 w 312465"/>
                <a:gd name="connsiteY6" fmla="*/ 0 h 710631"/>
                <a:gd name="connsiteX0" fmla="*/ 297954 w 312465"/>
                <a:gd name="connsiteY0" fmla="*/ 281921 h 710631"/>
                <a:gd name="connsiteX1" fmla="*/ 302717 w 312465"/>
                <a:gd name="connsiteY1" fmla="*/ 559272 h 710631"/>
                <a:gd name="connsiteX2" fmla="*/ 151358 w 312465"/>
                <a:gd name="connsiteY2" fmla="*/ 710631 h 710631"/>
                <a:gd name="connsiteX3" fmla="*/ 151359 w 312465"/>
                <a:gd name="connsiteY3" fmla="*/ 710630 h 710631"/>
                <a:gd name="connsiteX4" fmla="*/ 0 w 312465"/>
                <a:gd name="connsiteY4" fmla="*/ 559271 h 710631"/>
                <a:gd name="connsiteX5" fmla="*/ 0 w 312465"/>
                <a:gd name="connsiteY5" fmla="*/ 0 h 710631"/>
                <a:gd name="connsiteX0" fmla="*/ 297954 w 312465"/>
                <a:gd name="connsiteY0" fmla="*/ 281921 h 710631"/>
                <a:gd name="connsiteX1" fmla="*/ 302717 w 312465"/>
                <a:gd name="connsiteY1" fmla="*/ 559272 h 710631"/>
                <a:gd name="connsiteX2" fmla="*/ 151358 w 312465"/>
                <a:gd name="connsiteY2" fmla="*/ 710631 h 710631"/>
                <a:gd name="connsiteX3" fmla="*/ 151359 w 312465"/>
                <a:gd name="connsiteY3" fmla="*/ 710630 h 710631"/>
                <a:gd name="connsiteX4" fmla="*/ 0 w 312465"/>
                <a:gd name="connsiteY4" fmla="*/ 559271 h 710631"/>
                <a:gd name="connsiteX5" fmla="*/ 0 w 312465"/>
                <a:gd name="connsiteY5" fmla="*/ 0 h 710631"/>
                <a:gd name="connsiteX0" fmla="*/ 408826 w 408826"/>
                <a:gd name="connsiteY0" fmla="*/ 278562 h 710631"/>
                <a:gd name="connsiteX1" fmla="*/ 302717 w 408826"/>
                <a:gd name="connsiteY1" fmla="*/ 559272 h 710631"/>
                <a:gd name="connsiteX2" fmla="*/ 151358 w 408826"/>
                <a:gd name="connsiteY2" fmla="*/ 710631 h 710631"/>
                <a:gd name="connsiteX3" fmla="*/ 151359 w 408826"/>
                <a:gd name="connsiteY3" fmla="*/ 710630 h 710631"/>
                <a:gd name="connsiteX4" fmla="*/ 0 w 408826"/>
                <a:gd name="connsiteY4" fmla="*/ 559271 h 710631"/>
                <a:gd name="connsiteX5" fmla="*/ 0 w 408826"/>
                <a:gd name="connsiteY5" fmla="*/ 0 h 710631"/>
                <a:gd name="connsiteX0" fmla="*/ 408826 w 408826"/>
                <a:gd name="connsiteY0" fmla="*/ 278562 h 710631"/>
                <a:gd name="connsiteX1" fmla="*/ 302717 w 408826"/>
                <a:gd name="connsiteY1" fmla="*/ 572710 h 710631"/>
                <a:gd name="connsiteX2" fmla="*/ 151358 w 408826"/>
                <a:gd name="connsiteY2" fmla="*/ 710631 h 710631"/>
                <a:gd name="connsiteX3" fmla="*/ 151359 w 408826"/>
                <a:gd name="connsiteY3" fmla="*/ 710630 h 710631"/>
                <a:gd name="connsiteX4" fmla="*/ 0 w 408826"/>
                <a:gd name="connsiteY4" fmla="*/ 559271 h 710631"/>
                <a:gd name="connsiteX5" fmla="*/ 0 w 408826"/>
                <a:gd name="connsiteY5" fmla="*/ 0 h 710631"/>
                <a:gd name="connsiteX0" fmla="*/ 408826 w 408826"/>
                <a:gd name="connsiteY0" fmla="*/ 278562 h 710631"/>
                <a:gd name="connsiteX1" fmla="*/ 302717 w 408826"/>
                <a:gd name="connsiteY1" fmla="*/ 572710 h 710631"/>
                <a:gd name="connsiteX2" fmla="*/ 151358 w 408826"/>
                <a:gd name="connsiteY2" fmla="*/ 710631 h 710631"/>
                <a:gd name="connsiteX3" fmla="*/ 151359 w 408826"/>
                <a:gd name="connsiteY3" fmla="*/ 710630 h 710631"/>
                <a:gd name="connsiteX4" fmla="*/ 0 w 408826"/>
                <a:gd name="connsiteY4" fmla="*/ 559271 h 710631"/>
                <a:gd name="connsiteX5" fmla="*/ 0 w 408826"/>
                <a:gd name="connsiteY5" fmla="*/ 0 h 710631"/>
                <a:gd name="connsiteX0" fmla="*/ 408826 w 408826"/>
                <a:gd name="connsiteY0" fmla="*/ 278562 h 710631"/>
                <a:gd name="connsiteX1" fmla="*/ 361638 w 408826"/>
                <a:gd name="connsiteY1" fmla="*/ 448135 h 710631"/>
                <a:gd name="connsiteX2" fmla="*/ 302717 w 408826"/>
                <a:gd name="connsiteY2" fmla="*/ 572710 h 710631"/>
                <a:gd name="connsiteX3" fmla="*/ 151358 w 408826"/>
                <a:gd name="connsiteY3" fmla="*/ 710631 h 710631"/>
                <a:gd name="connsiteX4" fmla="*/ 151359 w 408826"/>
                <a:gd name="connsiteY4" fmla="*/ 710630 h 710631"/>
                <a:gd name="connsiteX5" fmla="*/ 0 w 408826"/>
                <a:gd name="connsiteY5" fmla="*/ 559271 h 710631"/>
                <a:gd name="connsiteX6" fmla="*/ 0 w 408826"/>
                <a:gd name="connsiteY6" fmla="*/ 0 h 710631"/>
                <a:gd name="connsiteX0" fmla="*/ 361638 w 361638"/>
                <a:gd name="connsiteY0" fmla="*/ 448135 h 710631"/>
                <a:gd name="connsiteX1" fmla="*/ 302717 w 361638"/>
                <a:gd name="connsiteY1" fmla="*/ 572710 h 710631"/>
                <a:gd name="connsiteX2" fmla="*/ 151358 w 361638"/>
                <a:gd name="connsiteY2" fmla="*/ 710631 h 710631"/>
                <a:gd name="connsiteX3" fmla="*/ 151359 w 361638"/>
                <a:gd name="connsiteY3" fmla="*/ 710630 h 710631"/>
                <a:gd name="connsiteX4" fmla="*/ 0 w 361638"/>
                <a:gd name="connsiteY4" fmla="*/ 559271 h 710631"/>
                <a:gd name="connsiteX5" fmla="*/ 0 w 361638"/>
                <a:gd name="connsiteY5" fmla="*/ 0 h 710631"/>
                <a:gd name="connsiteX0" fmla="*/ 361638 w 361638"/>
                <a:gd name="connsiteY0" fmla="*/ 448135 h 710631"/>
                <a:gd name="connsiteX1" fmla="*/ 302717 w 361638"/>
                <a:gd name="connsiteY1" fmla="*/ 572710 h 710631"/>
                <a:gd name="connsiteX2" fmla="*/ 151358 w 361638"/>
                <a:gd name="connsiteY2" fmla="*/ 710631 h 710631"/>
                <a:gd name="connsiteX3" fmla="*/ 151359 w 361638"/>
                <a:gd name="connsiteY3" fmla="*/ 710630 h 710631"/>
                <a:gd name="connsiteX4" fmla="*/ 0 w 361638"/>
                <a:gd name="connsiteY4" fmla="*/ 559271 h 710631"/>
                <a:gd name="connsiteX5" fmla="*/ 0 w 361638"/>
                <a:gd name="connsiteY5" fmla="*/ 0 h 710631"/>
                <a:gd name="connsiteX0" fmla="*/ 361638 w 361638"/>
                <a:gd name="connsiteY0" fmla="*/ 448135 h 710631"/>
                <a:gd name="connsiteX1" fmla="*/ 302717 w 361638"/>
                <a:gd name="connsiteY1" fmla="*/ 572710 h 710631"/>
                <a:gd name="connsiteX2" fmla="*/ 151358 w 361638"/>
                <a:gd name="connsiteY2" fmla="*/ 710631 h 710631"/>
                <a:gd name="connsiteX3" fmla="*/ 151359 w 361638"/>
                <a:gd name="connsiteY3" fmla="*/ 710630 h 710631"/>
                <a:gd name="connsiteX4" fmla="*/ 0 w 361638"/>
                <a:gd name="connsiteY4" fmla="*/ 559271 h 710631"/>
                <a:gd name="connsiteX5" fmla="*/ 0 w 361638"/>
                <a:gd name="connsiteY5" fmla="*/ 0 h 7106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61638" h="710631">
                  <a:moveTo>
                    <a:pt x="361638" y="448135"/>
                  </a:moveTo>
                  <a:cubicBezTo>
                    <a:pt x="343953" y="497160"/>
                    <a:pt x="326376" y="521892"/>
                    <a:pt x="302717" y="572710"/>
                  </a:cubicBezTo>
                  <a:cubicBezTo>
                    <a:pt x="267336" y="648705"/>
                    <a:pt x="234951" y="710631"/>
                    <a:pt x="151358" y="710631"/>
                  </a:cubicBezTo>
                  <a:lnTo>
                    <a:pt x="151359" y="710630"/>
                  </a:lnTo>
                  <a:cubicBezTo>
                    <a:pt x="67766" y="710630"/>
                    <a:pt x="0" y="642864"/>
                    <a:pt x="0" y="559271"/>
                  </a:cubicBezTo>
                  <a:lnTo>
                    <a:pt x="0" y="0"/>
                  </a:lnTo>
                </a:path>
              </a:pathLst>
            </a:custGeom>
            <a:noFill/>
            <a:ln w="38100" cap="rnd"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cxnSp>
          <p:nvCxnSpPr>
            <p:cNvPr id="50" name="Straight Connector 49"/>
            <p:cNvCxnSpPr>
              <a:stCxn id="47" idx="2"/>
            </p:cNvCxnSpPr>
            <p:nvPr/>
          </p:nvCxnSpPr>
          <p:spPr>
            <a:xfrm flipV="1">
              <a:off x="7154806" y="2934202"/>
              <a:ext cx="122429" cy="46"/>
            </a:xfrm>
            <a:prstGeom prst="line">
              <a:avLst/>
            </a:prstGeom>
            <a:ln w="38100" cap="rnd"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51" name="Straight Connector 50"/>
            <p:cNvCxnSpPr/>
            <p:nvPr/>
          </p:nvCxnSpPr>
          <p:spPr>
            <a:xfrm flipV="1">
              <a:off x="7645489" y="2934202"/>
              <a:ext cx="122429" cy="46"/>
            </a:xfrm>
            <a:prstGeom prst="line">
              <a:avLst/>
            </a:prstGeom>
            <a:ln w="38100" cap="rnd" cmpd="sng">
              <a:solidFill>
                <a:schemeClr val="bg1"/>
              </a:solidFill>
            </a:ln>
            <a:effectLst/>
          </p:spPr>
          <p:style>
            <a:lnRef idx="2">
              <a:schemeClr val="accent1"/>
            </a:lnRef>
            <a:fillRef idx="0">
              <a:schemeClr val="accent1"/>
            </a:fillRef>
            <a:effectRef idx="1">
              <a:schemeClr val="accent1"/>
            </a:effectRef>
            <a:fontRef idx="minor">
              <a:schemeClr val="tx1"/>
            </a:fontRef>
          </p:style>
        </p:cxnSp>
        <p:cxnSp>
          <p:nvCxnSpPr>
            <p:cNvPr id="52" name="Straight Connector 51"/>
            <p:cNvCxnSpPr/>
            <p:nvPr/>
          </p:nvCxnSpPr>
          <p:spPr>
            <a:xfrm rot="16200000" flipV="1">
              <a:off x="7402022" y="2692243"/>
              <a:ext cx="122429" cy="46"/>
            </a:xfrm>
            <a:prstGeom prst="line">
              <a:avLst/>
            </a:prstGeom>
            <a:ln w="38100" cap="rnd" cmpd="sng">
              <a:solidFill>
                <a:schemeClr val="bg1"/>
              </a:solidFill>
            </a:ln>
            <a:effectLst/>
          </p:spPr>
          <p:style>
            <a:lnRef idx="2">
              <a:schemeClr val="accent1"/>
            </a:lnRef>
            <a:fillRef idx="0">
              <a:schemeClr val="accent1"/>
            </a:fillRef>
            <a:effectRef idx="1">
              <a:schemeClr val="accent1"/>
            </a:effectRef>
            <a:fontRef idx="minor">
              <a:schemeClr val="tx1"/>
            </a:fontRef>
          </p:style>
        </p:cxnSp>
        <p:sp>
          <p:nvSpPr>
            <p:cNvPr id="53" name="Isosceles Triangle 52"/>
            <p:cNvSpPr/>
            <p:nvPr/>
          </p:nvSpPr>
          <p:spPr>
            <a:xfrm rot="2615932">
              <a:off x="7508255" y="2774368"/>
              <a:ext cx="85726" cy="156024"/>
            </a:xfrm>
            <a:prstGeom prst="triangle">
              <a:avLst/>
            </a:prstGeom>
            <a:solidFill>
              <a:srgbClr val="004986"/>
            </a:solidFill>
            <a:ln>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54" name="Oval 53"/>
            <p:cNvSpPr/>
            <p:nvPr/>
          </p:nvSpPr>
          <p:spPr>
            <a:xfrm>
              <a:off x="7402052" y="2874207"/>
              <a:ext cx="128453" cy="128453"/>
            </a:xfrm>
            <a:prstGeom prst="ellipse">
              <a:avLst/>
            </a:prstGeom>
            <a:solidFill>
              <a:schemeClr val="bg1"/>
            </a:solidFill>
            <a:ln w="38100" cmpd="sng">
              <a:solidFill>
                <a:schemeClr val="bg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grpSp>
      <p:sp>
        <p:nvSpPr>
          <p:cNvPr id="58" name="TextBox 57"/>
          <p:cNvSpPr txBox="1"/>
          <p:nvPr/>
        </p:nvSpPr>
        <p:spPr>
          <a:xfrm>
            <a:off x="3927764" y="6189634"/>
            <a:ext cx="3878401" cy="509039"/>
          </a:xfrm>
          <a:prstGeom prst="rect">
            <a:avLst/>
          </a:prstGeom>
          <a:solidFill>
            <a:schemeClr val="bg1"/>
          </a:solidFill>
        </p:spPr>
        <p:txBody>
          <a:bodyPr wrap="square" lIns="0" tIns="0" rIns="0" bIns="0" rtlCol="0">
            <a:spAutoFit/>
          </a:bodyPr>
          <a:lstStyle/>
          <a:p>
            <a:pPr algn="l"/>
            <a:endParaRPr lang="en-US" sz="1600" dirty="0" err="1"/>
          </a:p>
        </p:txBody>
      </p:sp>
      <p:sp>
        <p:nvSpPr>
          <p:cNvPr id="59" name="TextBox 58"/>
          <p:cNvSpPr txBox="1"/>
          <p:nvPr/>
        </p:nvSpPr>
        <p:spPr>
          <a:xfrm>
            <a:off x="360000" y="6189634"/>
            <a:ext cx="2153416" cy="423095"/>
          </a:xfrm>
          <a:prstGeom prst="rect">
            <a:avLst/>
          </a:prstGeom>
          <a:solidFill>
            <a:schemeClr val="bg1"/>
          </a:solidFill>
        </p:spPr>
        <p:txBody>
          <a:bodyPr wrap="square" lIns="0" tIns="0" rIns="0" bIns="0" rtlCol="0">
            <a:spAutoFit/>
          </a:bodyPr>
          <a:lstStyle/>
          <a:p>
            <a:pPr algn="l"/>
            <a:endParaRPr lang="en-US" sz="1600" dirty="0" err="1"/>
          </a:p>
        </p:txBody>
      </p:sp>
      <p:pic>
        <p:nvPicPr>
          <p:cNvPr id="60" name="Picture 59"/>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70804" y="6255778"/>
            <a:ext cx="1395987" cy="326137"/>
          </a:xfrm>
          <a:prstGeom prst="rect">
            <a:avLst/>
          </a:prstGeom>
        </p:spPr>
      </p:pic>
    </p:spTree>
    <p:extLst>
      <p:ext uri="{BB962C8B-B14F-4D97-AF65-F5344CB8AC3E}">
        <p14:creationId xmlns:p14="http://schemas.microsoft.com/office/powerpoint/2010/main" val="72104007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Evernorth 16:9">
  <a:themeElements>
    <a:clrScheme name="EN 2023">
      <a:dk1>
        <a:srgbClr val="002F32"/>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Cigna 2020">
      <a:majorFont>
        <a:latin typeface="Arial"/>
        <a:ea typeface="MS Gothic"/>
        <a:cs typeface=""/>
      </a:majorFont>
      <a:minorFont>
        <a:latin typeface="Arial"/>
        <a:ea typeface="MS Gothic"/>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defPPr>
      </a:lstStyle>
    </a:txDef>
  </a:objectDefaults>
  <a:extraClrSchemeLst/>
  <a:custClrLst>
    <a:custClr name="Hypermint Green">
      <a:srgbClr val="3EFFC0"/>
    </a:custClr>
    <a:custClr name="Alternamint Green">
      <a:srgbClr val="00EDA0"/>
    </a:custClr>
    <a:custClr name="White">
      <a:srgbClr val="FFFFFF"/>
    </a:custClr>
    <a:custClr name="Light Grey">
      <a:srgbClr val="F7F7F7"/>
    </a:custClr>
    <a:custClr name="Medium Grey">
      <a:srgbClr val="D5D5D5"/>
    </a:custClr>
    <a:custClr name="Dark Grey">
      <a:srgbClr val="2A2A2A"/>
    </a:custClr>
    <a:custClr name="Black">
      <a:srgbClr val="000000"/>
    </a:custClr>
    <a:custClr name="Action Blue">
      <a:srgbClr val="0033FF"/>
    </a:custClr>
    <a:custClr name="Light Blue data">
      <a:srgbClr val="33CCFF"/>
    </a:custClr>
    <a:custClr name="Light Green data">
      <a:srgbClr val="CCFF66"/>
    </a:custClr>
    <a:custClr name="Green data">
      <a:srgbClr val="66CC33"/>
    </a:custClr>
  </a:custClrLst>
  <a:extLst>
    <a:ext uri="{05A4C25C-085E-4340-85A3-A5531E510DB2}">
      <thm15:themeFamily xmlns:thm15="http://schemas.microsoft.com/office/thememl/2012/main" name="FB_Evernorth_PPTTemplate_010423_JE kb" id="{65D6DA2A-7C7A-4E4F-800E-1157AE6FDF41}" vid="{41D26C0E-7124-42BD-A201-CA205C6B4BC3}"/>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Hypermint Green">
      <a:srgbClr val="3EFFC0"/>
    </a:custClr>
    <a:custClr name="Alternamint Green">
      <a:srgbClr val="00EDA0"/>
    </a:custClr>
    <a:custClr name="White">
      <a:srgbClr val="FFFFFF"/>
    </a:custClr>
    <a:custClr name="Light Grey">
      <a:srgbClr val="F7F7F7"/>
    </a:custClr>
    <a:custClr name="Medium Grey">
      <a:srgbClr val="D5D5D5"/>
    </a:custClr>
    <a:custClr name="Dark Grey">
      <a:srgbClr val="2A2A2A"/>
    </a:custClr>
    <a:custClr name="Black">
      <a:srgbClr val="000000"/>
    </a:custClr>
    <a:custClr name="Action Blue">
      <a:srgbClr val="0033FF"/>
    </a:custClr>
    <a:custClr name="Light Blue data">
      <a:srgbClr val="33CCFF"/>
    </a:custClr>
    <a:custClr name="Light Green data">
      <a:srgbClr val="CCFF66"/>
    </a:custClr>
    <a:custClr name="Green data">
      <a:srgbClr val="66CC33"/>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Hypermint Green">
      <a:srgbClr val="3EFFC0"/>
    </a:custClr>
    <a:custClr name="Alternamint Green">
      <a:srgbClr val="00EDA0"/>
    </a:custClr>
    <a:custClr name="White">
      <a:srgbClr val="FFFFFF"/>
    </a:custClr>
    <a:custClr name="Light Grey">
      <a:srgbClr val="F7F7F7"/>
    </a:custClr>
    <a:custClr name="Medium Grey">
      <a:srgbClr val="D5D5D5"/>
    </a:custClr>
    <a:custClr name="Dark Grey">
      <a:srgbClr val="2A2A2A"/>
    </a:custClr>
    <a:custClr name="Black">
      <a:srgbClr val="000000"/>
    </a:custClr>
    <a:custClr name="Action Blue">
      <a:srgbClr val="0033FF"/>
    </a:custClr>
    <a:custClr name="Light Blue data">
      <a:srgbClr val="33CCFF"/>
    </a:custClr>
    <a:custClr name="Light Green data">
      <a:srgbClr val="CCFF66"/>
    </a:custClr>
    <a:custClr name="Green data">
      <a:srgbClr val="66CC33"/>
    </a:custClr>
  </a:custClr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FB106291-1B3D-064A-935E-94F50F6A7FB7}">
  <we:reference id="wa104380278" version="1.0.0.6" store="en-US"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f3b83229-235b-4a0b-a7a8-13b86e91791d","elementConfiguration":{"binding":"Form.Cigna_Confidentiality.EvernorthConfidentiality","disableUpdates":false,"type":"text"}},{"type":"shape","id":"ae6a092d-2d34-4850-abb0-d599ddcedb1d","elementConfiguration":{"binding":"Form.Cigna_Confidentiality.Cigna_confidentiality","disableUpdates":false,"type":"text"}},{"type":"shape","id":"1eb621c5-dc5e-4021-8808-189b1616e18f","elementConfiguration":{"binding":"Form.Cigna_Confidentiality.EvernorthConfidentiality","disableUpdates":false,"type":"text"}},{"type":"shape","id":"89a1b4ef-a726-46df-b15f-af92a3ac5604","elementConfiguration":{"binding":"Form.Cigna_Confidentiality.Cigna_confidentiality","disableUpdates":false,"type":"text"}},{"type":"shape","id":"51eed915-6297-4645-b7d6-6c4ca1943b48","elementConfiguration":{"binding":"Form.Cigna_Confidentiality.EvernorthConfidentiality","disableUpdates":false,"type":"text"}},{"type":"shape","id":"ef32b388-7edd-467b-9658-a3e9c04d8d3c","elementConfiguration":{"binding":"Form.Cigna_Confidentiality.Cigna_confidentiality","disableUpdates":false,"type":"text"}},{"type":"shape","id":"07753b36-ec2f-479a-b4a7-1aee005ce196","elementConfiguration":{"binding":"Form.Cigna_Confidentiality.EvernorthConfidentiality","disableUpdates":false,"type":"text"}},{"type":"shape","id":"9a9f8394-e5f1-4ba1-ba1d-dafa074d5706","elementConfiguration":{"binding":"Form.Cigna_Confidentiality.Cigna_confidentiality","disableUpdates":false,"type":"text"}},{"type":"shape","id":"4dd46786-6585-4b25-b66e-c75e4e81da7d","elementConfiguration":{"binding":"Form.Cigna_Confidentiality.EvernorthConfidentiality","disableUpdates":false,"type":"text"}},{"type":"shape","id":"f8bb3a8b-4162-428b-9468-46cb81975cd8","elementConfiguration":{"binding":"Form.Cigna_Confidentiality.Cigna_confidentiality","disableUpdates":false,"type":"text"}},{"type":"shape","id":"915c1ba1-968c-4c24-b749-b0c9386da795","elementConfiguration":{"binding":"Form.Cigna_Confidentiality.EvernorthConfidentiality","disableUpdates":false,"type":"text"}},{"type":"shape","id":"1525aa19-b167-40dd-a026-d83b31357931","elementConfiguration":{"binding":"Form.Cigna_Confidentiality.Cigna_confidentiality","disableUpdates":false,"type":"text"}},{"type":"shape","id":"71714fba-f932-4fc2-879c-4579ce53a106","elementConfiguration":{"binding":"Form.Cigna_Confidentiality.EvernorthConfidentiality","disableUpdates":false,"type":"text"}},{"type":"shape","id":"d69ed179-2cc3-4310-bf32-89f5d1dc6742","elementConfiguration":{"binding":"Form.Cigna_Confidentiality.Cigna_confidentiality","disableUpdates":false,"type":"text"}},{"type":"shape","id":"0a1a01f7-604a-4219-8d81-25424a9e7c99","elementConfiguration":{"binding":"Form.Cigna_Confidentiality.EvernorthConfidentiality","disableUpdates":false,"type":"text"}},{"type":"shape","id":"80572e37-2ff9-4d60-bb4d-5bf896cd1fa7","elementConfiguration":{"binding":"Form.Cigna_Confidentiality.Cigna_confidentiality","disableUpdates":false,"type":"text"}},{"type":"shape","id":"d51ab6d0-6155-4d21-b6e3-4ff3fe987f88","elementConfiguration":{"binding":"Form.Cigna_Confidentiality.EvernorthConfidentiality","disableUpdates":false,"type":"text"}},{"type":"shape","id":"820b6a9d-f56d-4b2c-8d8d-601deae95569","elementConfiguration":{"binding":"Form.Cigna_Confidentiality.Cigna_confidentiality","disableUpdates":false,"type":"text"}},{"type":"shape","id":"a401b66b-3642-40e9-a2ce-9b0dff9ec5df","elementConfiguration":{"binding":"Form.Cigna_Confidentiality.EvernorthConfidentiality","disableUpdates":false,"type":"text"}},{"type":"shape","id":"9a97cc8b-9bc7-4264-ab14-a67af49c4070","elementConfiguration":{"binding":"Form.Cigna_Confidentiality.Cigna_confidentiality","disableUpdates":false,"type":"text"}},{"type":"shape","id":"c41862ab-8c97-4fe9-9927-1bb43b0abffa","elementConfiguration":{"binding":"Form.Cigna_Confidentiality.EvernorthConfidentiality","disableUpdates":false,"type":"text"}},{"type":"shape","id":"21dab0f6-09e7-4d8b-96ec-1e4483831f4c","elementConfiguration":{"binding":"Form.Cigna_Confidentiality.Cigna_confidentiality","disableUpdates":false,"type":"text"}},{"type":"shape","id":"b428d300-3116-4979-a206-f210caef75c7","elementConfiguration":{"binding":"Form.Cigna_Confidentiality.EvernorthConfidentiality","disableUpdates":false,"type":"text"}},{"type":"shape","id":"7fdc7737-256c-41cb-9663-3597767674fc","elementConfiguration":{"binding":"Form.Cigna_Confidentiality.Cigna_confidentiality","disableUpdates":false,"type":"text"}},{"type":"shape","id":"8c40f5bb-90b7-4a9c-9532-b147d72af669","elementConfiguration":{"binding":"Form.Cigna_Confidentiality.EvernorthConfidentiality","disableUpdates":false,"type":"text"}},{"type":"shape","id":"8e88dccb-32fd-4421-bb23-6797b951806d","elementConfiguration":{"binding":"Form.Cigna_Confidentiality.Cigna_confidentiality","disableUpdates":false,"type":"text"}},{"type":"shape","id":"0612cc9a-64ae-4686-96af-66cdc4bc6dfb","elementConfiguration":{"binding":"Form.Cigna_Confidentiality.EvernorthConfidentiality","disableUpdates":false,"type":"text"}},{"type":"shape","id":"adc8bbc5-333c-4da7-bf4b-181613e6f45b","elementConfiguration":{"binding":"Form.Cigna_Confidentiality.Cigna_confidentiality","disableUpdates":false,"type":"text"}}],"transformationConfigurations":[{"language":"{{DocumentLanguage}}","disableUpdates":false,"type":"proofingLanguage"}],"templateName":"","templateDescription":"","enableDocumentContentUpdater":true,"version":"1.12"}]]></Templafy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sisl xmlns:xsi="http://www.w3.org/2001/XMLSchema-instance" xmlns:xsd="http://www.w3.org/2001/XMLSchema" xmlns="http://www.boldonjames.com/2008/01/sie/internal/label" sislVersion="0" policy="06dbc50a-7c40-497c-8ead-392c4a2b388e" origin="userSelected">
  <element uid="3a0f620a-74f7-4504-a030-448d9ea0e08a" value=""/>
  <element uid="id_classification_confidential" value=""/>
  <element uid="0bf5a77d-3f3a-4e58-9a8a-1570d5e8454d" value=""/>
</sisl>
</file>

<file path=customXml/item4.xml><?xml version="1.0" encoding="utf-8"?>
<p:properties xmlns:p="http://schemas.microsoft.com/office/2006/metadata/properties" xmlns:xsi="http://www.w3.org/2001/XMLSchema-instance" xmlns:pc="http://schemas.microsoft.com/office/infopath/2007/PartnerControls">
  <documentManagement>
    <Itemdescription xmlns="70d15cb9-153f-42d3-b5d9-e8839b980514" xsi:nil="true"/>
    <TaxCatchAll xmlns="4614ff0d-53a6-449b-af14-4f42cb837a51" xsi:nil="true"/>
    <lcf76f155ced4ddcb4097134ff3c332f xmlns="70d15cb9-153f-42d3-b5d9-e8839b980514">
      <Terms xmlns="http://schemas.microsoft.com/office/infopath/2007/PartnerControls"/>
    </lcf76f155ced4ddcb4097134ff3c332f>
  </documentManagement>
</p:properties>
</file>

<file path=customXml/item5.xml><?xml version="1.0" encoding="utf-8"?>
<ct:contentTypeSchema xmlns:ct="http://schemas.microsoft.com/office/2006/metadata/contentType" xmlns:ma="http://schemas.microsoft.com/office/2006/metadata/properties/metaAttributes" ct:_="" ma:_="" ma:contentTypeName="Document" ma:contentTypeID="0x01010028C6F9832A0FFC43833E6468812DE83C" ma:contentTypeVersion="15" ma:contentTypeDescription="Create a new document." ma:contentTypeScope="" ma:versionID="7d5f9f2adf4a756735d111ce63ff73ba">
  <xsd:schema xmlns:xsd="http://www.w3.org/2001/XMLSchema" xmlns:xs="http://www.w3.org/2001/XMLSchema" xmlns:p="http://schemas.microsoft.com/office/2006/metadata/properties" xmlns:ns2="70d15cb9-153f-42d3-b5d9-e8839b980514" xmlns:ns3="4614ff0d-53a6-449b-af14-4f42cb837a51" targetNamespace="http://schemas.microsoft.com/office/2006/metadata/properties" ma:root="true" ma:fieldsID="927a57e1cd7814190083389c5267d399" ns2:_="" ns3:_="">
    <xsd:import namespace="70d15cb9-153f-42d3-b5d9-e8839b980514"/>
    <xsd:import namespace="4614ff0d-53a6-449b-af14-4f42cb837a51"/>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DateTaken" minOccurs="0"/>
                <xsd:element ref="ns2:MediaLengthInSeconds" minOccurs="0"/>
                <xsd:element ref="ns2:Itemdescription"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0d15cb9-153f-42d3-b5d9-e8839b98051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Itemdescription" ma:index="16" nillable="true" ma:displayName="Item description" ma:format="Dropdown" ma:internalName="Itemdescription">
      <xsd:simpleType>
        <xsd:restriction base="dms:Note">
          <xsd:maxLength value="255"/>
        </xsd:restriction>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3a7d435f-bc0a-452e-b7b2-4cb57826a068" ma:termSetId="09814cd3-568e-fe90-9814-8d621ff8fb84" ma:anchorId="fba54fb3-c3e1-fe81-a776-ca4b69148c4d" ma:open="true" ma:isKeyword="false">
      <xsd:complexType>
        <xsd:sequence>
          <xsd:element ref="pc:Terms" minOccurs="0" maxOccurs="1"/>
        </xsd:sequence>
      </xsd:complexType>
    </xsd:element>
    <xsd:element name="MediaServiceOCR" ma:index="20" nillable="true" ma:displayName="Extracted Text" ma:internalName="MediaServiceOCR" ma:readOnly="true">
      <xsd:simpleType>
        <xsd:restriction base="dms:Note">
          <xsd:maxLength value="255"/>
        </xsd:restriction>
      </xsd:simpleType>
    </xsd:element>
    <xsd:element name="MediaServiceGenerationTime" ma:index="21" nillable="true" ma:displayName="MediaServiceGenerationTime" ma:hidden="true" ma:internalName="MediaServiceGenerationTime" ma:readOnly="true">
      <xsd:simpleType>
        <xsd:restriction base="dms:Text"/>
      </xsd:simpleType>
    </xsd:element>
    <xsd:element name="MediaServiceEventHashCode" ma:index="22"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614ff0d-53a6-449b-af14-4f42cb837a51"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9" nillable="true" ma:displayName="Taxonomy Catch All Column" ma:hidden="true" ma:list="{795b9c5f-6e44-4cfa-86ee-33fe30813bb6}" ma:internalName="TaxCatchAll" ma:showField="CatchAllData" ma:web="4614ff0d-53a6-449b-af14-4f42cb837a5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FormConfiguration><![CDATA[{"formFields":[{"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Cigna_Confidentiality","value":"aKBTu2fPbzfKbYCIYAfo4Q=="}]}]]></TemplafyFormConfiguration>
</file>

<file path=customXml/itemProps1.xml><?xml version="1.0" encoding="utf-8"?>
<ds:datastoreItem xmlns:ds="http://schemas.openxmlformats.org/officeDocument/2006/customXml" ds:itemID="{9E4D2E6F-FE49-4FFB-A5F2-EDA5AAB1D111}">
  <ds:schemaRefs/>
</ds:datastoreItem>
</file>

<file path=customXml/itemProps2.xml><?xml version="1.0" encoding="utf-8"?>
<ds:datastoreItem xmlns:ds="http://schemas.openxmlformats.org/officeDocument/2006/customXml" ds:itemID="{A74BD707-D78B-4327-A6B7-97BDAB490D11}">
  <ds:schemaRefs>
    <ds:schemaRef ds:uri="http://schemas.microsoft.com/sharepoint/v3/contenttype/forms"/>
  </ds:schemaRefs>
</ds:datastoreItem>
</file>

<file path=customXml/itemProps3.xml><?xml version="1.0" encoding="utf-8"?>
<ds:datastoreItem xmlns:ds="http://schemas.openxmlformats.org/officeDocument/2006/customXml" ds:itemID="{0FD8EF47-14D9-455B-B917-9B52950C14C6}">
  <ds:schemaRefs>
    <ds:schemaRef ds:uri="http://www.w3.org/2001/XMLSchema"/>
    <ds:schemaRef ds:uri="http://www.boldonjames.com/2008/01/sie/internal/label"/>
  </ds:schemaRefs>
</ds:datastoreItem>
</file>

<file path=customXml/itemProps4.xml><?xml version="1.0" encoding="utf-8"?>
<ds:datastoreItem xmlns:ds="http://schemas.openxmlformats.org/officeDocument/2006/customXml" ds:itemID="{98023562-6F8A-4190-AB72-8C77CF79F375}">
  <ds:schemaRef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4614ff0d-53a6-449b-af14-4f42cb837a51"/>
    <ds:schemaRef ds:uri="70d15cb9-153f-42d3-b5d9-e8839b980514"/>
    <ds:schemaRef ds:uri="http://purl.org/dc/terms/"/>
    <ds:schemaRef ds:uri="http://www.w3.org/XML/1998/namespace"/>
    <ds:schemaRef ds:uri="http://purl.org/dc/dcmitype/"/>
  </ds:schemaRefs>
</ds:datastoreItem>
</file>

<file path=customXml/itemProps5.xml><?xml version="1.0" encoding="utf-8"?>
<ds:datastoreItem xmlns:ds="http://schemas.openxmlformats.org/officeDocument/2006/customXml" ds:itemID="{424E3261-7B5D-48CA-9482-6FA371D8402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0d15cb9-153f-42d3-b5d9-e8839b980514"/>
    <ds:schemaRef ds:uri="4614ff0d-53a6-449b-af14-4f42cb837a5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180E6B4A-02B3-49EE-B6F9-C0FE6F86CE81}">
  <ds:schemaRefs/>
</ds:datastoreItem>
</file>

<file path=docProps/app.xml><?xml version="1.0" encoding="utf-8"?>
<Properties xmlns="http://schemas.openxmlformats.org/officeDocument/2006/extended-properties" xmlns:vt="http://schemas.openxmlformats.org/officeDocument/2006/docPropsVTypes">
  <Template>Evernorth 16:9</Template>
  <TotalTime>35811</TotalTime>
  <Words>3972</Words>
  <Application>Microsoft Office PowerPoint</Application>
  <PresentationFormat>Widescreen</PresentationFormat>
  <Paragraphs>447</Paragraphs>
  <Slides>27</Slides>
  <Notes>27</Notes>
  <HiddenSlides>0</HiddenSlides>
  <MMClips>0</MMClips>
  <ScaleCrop>false</ScaleCrop>
  <HeadingPairs>
    <vt:vector size="6" baseType="variant">
      <vt:variant>
        <vt:lpstr>Fonts Used</vt:lpstr>
      </vt:variant>
      <vt:variant>
        <vt:i4>19</vt:i4>
      </vt:variant>
      <vt:variant>
        <vt:lpstr>Theme</vt:lpstr>
      </vt:variant>
      <vt:variant>
        <vt:i4>1</vt:i4>
      </vt:variant>
      <vt:variant>
        <vt:lpstr>Slide Titles</vt:lpstr>
      </vt:variant>
      <vt:variant>
        <vt:i4>27</vt:i4>
      </vt:variant>
    </vt:vector>
  </HeadingPairs>
  <TitlesOfParts>
    <vt:vector size="47" baseType="lpstr">
      <vt:lpstr>Yu Gothic Medium</vt:lpstr>
      <vt:lpstr>Arial</vt:lpstr>
      <vt:lpstr>Arial Black</vt:lpstr>
      <vt:lpstr>Arial Bold</vt:lpstr>
      <vt:lpstr>Arial Narrow</vt:lpstr>
      <vt:lpstr>Calibri</vt:lpstr>
      <vt:lpstr>Cambria</vt:lpstr>
      <vt:lpstr>Century Gothic</vt:lpstr>
      <vt:lpstr>ciscosansttregular</vt:lpstr>
      <vt:lpstr>Consolas</vt:lpstr>
      <vt:lpstr>Franklin Gothic Book</vt:lpstr>
      <vt:lpstr>Franklin Gothic Demi Cond</vt:lpstr>
      <vt:lpstr>Franklin Gothic Medium</vt:lpstr>
      <vt:lpstr>Franklin Gothic Medium Cond</vt:lpstr>
      <vt:lpstr>Myriad Pro Light Condensed</vt:lpstr>
      <vt:lpstr>Segoe UI</vt:lpstr>
      <vt:lpstr>System Font Regular</vt:lpstr>
      <vt:lpstr>Verdana</vt:lpstr>
      <vt:lpstr>Wingdings</vt:lpstr>
      <vt:lpstr>Evernorth 16:9</vt:lpstr>
      <vt:lpstr>Social Determinants of Health  -  Impacts to Medication Adherence</vt:lpstr>
      <vt:lpstr>PowerPoint Presentation</vt:lpstr>
      <vt:lpstr>What is health equity?</vt:lpstr>
      <vt:lpstr>Underlying factors impacting member health</vt:lpstr>
      <vt:lpstr>PowerPoint Presentation</vt:lpstr>
      <vt:lpstr>PowerPoint Presentation</vt:lpstr>
      <vt:lpstr>Impact of Social  Determinants of Health    </vt:lpstr>
      <vt:lpstr>PowerPoint Presentation</vt:lpstr>
      <vt:lpstr>PowerPoint Presentation</vt:lpstr>
      <vt:lpstr>Tools to Use the Data    </vt:lpstr>
      <vt:lpstr>PowerPoint Presentation</vt:lpstr>
      <vt:lpstr>PowerPoint Presentation</vt:lpstr>
      <vt:lpstr>PowerPoint Presentation</vt:lpstr>
      <vt:lpstr>PowerPoint Presentation</vt:lpstr>
      <vt:lpstr>PowerPoint Presentation</vt:lpstr>
      <vt:lpstr>Use Case Designs – Working Smarter, not Harder   Recent &amp; In Development </vt:lpstr>
      <vt:lpstr>Pulmonary Controller Medications  Adherence is Critical, Declined during COVID years</vt:lpstr>
      <vt:lpstr>Pulmonary Initiative Design inclusive of  Economic  SDOH scores Summer ‘23</vt:lpstr>
      <vt:lpstr>Pulmonary Initiative Design inclusive of  Economic  SDOH scores Summer ‘23</vt:lpstr>
      <vt:lpstr>Diabetes Initiative *Beginning April 2023*</vt:lpstr>
      <vt:lpstr>High Risk Patient Initiative Identifying those with greatest need for counseling </vt:lpstr>
      <vt:lpstr>Providing “Precision Care” with the use of data</vt:lpstr>
      <vt:lpstr>Solutions </vt:lpstr>
      <vt:lpstr>Plan Sponsors: Overcome SDOH Barriers to Access Goal: Improve care, convenience, and reduce expensive future medical situations</vt:lpstr>
      <vt:lpstr>FindHelp.org Connecting local communities, one individual at a time</vt:lpstr>
      <vt:lpstr>FindHelp.org Mobile app, web-based, or data connections with healthcare systems</vt:lpstr>
      <vt:lpstr> THANK YOU  Questions Welcomed!   </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Edwards, Julia E. (STL)</dc:creator>
  <cp:lastModifiedBy>Lori Lawrence</cp:lastModifiedBy>
  <cp:revision>463</cp:revision>
  <cp:lastPrinted>2024-01-29T19:26:19Z</cp:lastPrinted>
  <dcterms:created xsi:type="dcterms:W3CDTF">2023-01-04T18:00:02Z</dcterms:created>
  <dcterms:modified xsi:type="dcterms:W3CDTF">2024-02-05T17:02:2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7-08T12:04:32.7305901Z</vt:lpwstr>
  </property>
  <property fmtid="{D5CDD505-2E9C-101B-9397-08002B2CF9AE}" pid="3" name="TemplafyTenantId">
    <vt:lpwstr>cigna</vt:lpwstr>
  </property>
  <property fmtid="{D5CDD505-2E9C-101B-9397-08002B2CF9AE}" pid="4" name="TemplafyTemplateId">
    <vt:lpwstr>637473387261166379</vt:lpwstr>
  </property>
  <property fmtid="{D5CDD505-2E9C-101B-9397-08002B2CF9AE}" pid="5" name="TemplafyUserProfileId">
    <vt:lpwstr>637703334196750787</vt:lpwstr>
  </property>
  <property fmtid="{D5CDD505-2E9C-101B-9397-08002B2CF9AE}" pid="6" name="TemplafyLanguageCode">
    <vt:lpwstr>en-US</vt:lpwstr>
  </property>
  <property fmtid="{D5CDD505-2E9C-101B-9397-08002B2CF9AE}" pid="7" name="ContentTypeId">
    <vt:lpwstr>0x01010028C6F9832A0FFC43833E6468812DE83C</vt:lpwstr>
  </property>
  <property fmtid="{D5CDD505-2E9C-101B-9397-08002B2CF9AE}" pid="8" name="MediaServiceImageTags">
    <vt:lpwstr/>
  </property>
  <property fmtid="{D5CDD505-2E9C-101B-9397-08002B2CF9AE}" pid="9" name="docIndexRef">
    <vt:lpwstr>88b8baab-7ad4-491f-b846-83dbc1521cee</vt:lpwstr>
  </property>
  <property fmtid="{D5CDD505-2E9C-101B-9397-08002B2CF9AE}" pid="10" name="bjClsUserRVM">
    <vt:lpwstr>[]</vt:lpwstr>
  </property>
  <property fmtid="{D5CDD505-2E9C-101B-9397-08002B2CF9AE}" pid="11" name="bjSaver">
    <vt:lpwstr>+z6RBsoQ2oUlp7IA0E+OtTi+6MkNNdAl</vt:lpwstr>
  </property>
  <property fmtid="{D5CDD505-2E9C-101B-9397-08002B2CF9AE}" pid="12" name="bjDocumentSecurityLabel">
    <vt:lpwstr>Confidential</vt:lpwstr>
  </property>
  <property fmtid="{D5CDD505-2E9C-101B-9397-08002B2CF9AE}" pid="13" name="bjESIDataClassification">
    <vt:lpwstr>XYZZYConfidentialfwo[qei34890ty@^C@#%^11dc45</vt:lpwstr>
  </property>
  <property fmtid="{D5CDD505-2E9C-101B-9397-08002B2CF9AE}" pid="14" name="bjDocumentLabelXML">
    <vt:lpwstr>&lt;?xml version="1.0" encoding="us-ascii"?&gt;&lt;sisl xmlns:xsi="http://www.w3.org/2001/XMLSchema-instance" xmlns:xsd="http://www.w3.org/2001/XMLSchema" sislVersion="0" policy="06dbc50a-7c40-497c-8ead-392c4a2b388e" origin="userSelected" xmlns="http://www.boldonj</vt:lpwstr>
  </property>
  <property fmtid="{D5CDD505-2E9C-101B-9397-08002B2CF9AE}" pid="15" name="bjDocumentLabelXML-0">
    <vt:lpwstr>ames.com/2008/01/sie/internal/label"&gt;&lt;element uid="3a0f620a-74f7-4504-a030-448d9ea0e08a" value="" /&gt;&lt;element uid="id_classification_confidential" value="" /&gt;&lt;element uid="0bf5a77d-3f3a-4e58-9a8a-1570d5e8454d" value="" /&gt;&lt;/sisl&gt;</vt:lpwstr>
  </property>
</Properties>
</file>